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D:\Usuarios\i9658756\Documents\Envio\"/>
    </mc:Choice>
  </mc:AlternateContent>
  <bookViews>
    <workbookView xWindow="0" yWindow="45" windowWidth="19155" windowHeight="11820"/>
  </bookViews>
  <sheets>
    <sheet name="Aeronaves" sheetId="1" r:id="rId1"/>
    <sheet name="Carga Aérea" sheetId="3" r:id="rId2"/>
    <sheet name="Correios" sheetId="6" r:id="rId3"/>
    <sheet name="Passageiros" sheetId="5" r:id="rId4"/>
  </sheets>
  <calcPr calcId="152511"/>
</workbook>
</file>

<file path=xl/calcChain.xml><?xml version="1.0" encoding="utf-8"?>
<calcChain xmlns="http://schemas.openxmlformats.org/spreadsheetml/2006/main">
  <c r="B557" i="5" l="1"/>
  <c r="B502" i="6"/>
  <c r="B502" i="3"/>
</calcChain>
</file>

<file path=xl/sharedStrings.xml><?xml version="1.0" encoding="utf-8"?>
<sst xmlns="http://schemas.openxmlformats.org/spreadsheetml/2006/main" count="2076" uniqueCount="95">
  <si>
    <r>
      <t>Discriminação</t>
    </r>
    <r>
      <rPr>
        <sz val="10"/>
        <color rgb="FF000000"/>
        <rFont val="Arial"/>
        <family val="2"/>
      </rPr>
      <t xml:space="preserve"> </t>
    </r>
  </si>
  <si>
    <t xml:space="preserve">Pousos no Mês </t>
  </si>
  <si>
    <t xml:space="preserve">Pousos no Ano </t>
  </si>
  <si>
    <t xml:space="preserve">Decolagens no Mês </t>
  </si>
  <si>
    <t xml:space="preserve">Decolagens no Ano </t>
  </si>
  <si>
    <t>Pou + Dec. no Mês</t>
  </si>
  <si>
    <t xml:space="preserve">Pou + Dec. no Ano </t>
  </si>
  <si>
    <r>
      <t>Carregada no Mês</t>
    </r>
    <r>
      <rPr>
        <sz val="10"/>
        <color rgb="FF000000"/>
        <rFont val="Arial"/>
        <family val="2"/>
      </rPr>
      <t xml:space="preserve"> </t>
    </r>
  </si>
  <si>
    <t xml:space="preserve">Carregada no Ano </t>
  </si>
  <si>
    <t>Descarregada no Mês</t>
  </si>
  <si>
    <t>Descarregada no Ano</t>
  </si>
  <si>
    <t>Car. + Descar. no mês</t>
  </si>
  <si>
    <t>Car. + Descar. no Ano</t>
  </si>
  <si>
    <t>Trânsito no mês</t>
  </si>
  <si>
    <t>Trânsito no ano</t>
  </si>
  <si>
    <t xml:space="preserve">Embarcado no Mês </t>
  </si>
  <si>
    <r>
      <t>Embarcado no Ano</t>
    </r>
    <r>
      <rPr>
        <sz val="10"/>
        <color rgb="FF000000"/>
        <rFont val="Arial"/>
        <family val="2"/>
      </rPr>
      <t xml:space="preserve"> </t>
    </r>
  </si>
  <si>
    <t>Desembarcado no Mês</t>
  </si>
  <si>
    <t>Desembarcado no Ano</t>
  </si>
  <si>
    <t>Emb + Desemb. no Mês</t>
  </si>
  <si>
    <t>Emb + Desemb. no Ano</t>
  </si>
  <si>
    <t>SBAR - Aeroporto de Aracaju</t>
  </si>
  <si>
    <t>SBBE - Aeroporto Internacional de Belém</t>
  </si>
  <si>
    <t>SBBG - Aeroporto Internacional de Bagé</t>
  </si>
  <si>
    <t>SBBI - Aeroporto de Bacacheri</t>
  </si>
  <si>
    <t>SBBV - Aeroporto Internacional de Boa Vista</t>
  </si>
  <si>
    <t>SBCG - Aeroporto Internacional de Campo Grande</t>
  </si>
  <si>
    <t>SBCJ - Aeroporto de Carajás</t>
  </si>
  <si>
    <t>SBCR - Aeroporto Internacional de Corumbá</t>
  </si>
  <si>
    <t>SBCT - Aeroporto Internacional de Curitiba</t>
  </si>
  <si>
    <t>SBCY - Aeroporto Internacional de Cuiabá</t>
  </si>
  <si>
    <t>SBCZ - Aeroporto Internacional de Cruzeiro do Sul</t>
  </si>
  <si>
    <t>SBEG - Aeroporto Internacional de Manaus</t>
  </si>
  <si>
    <t>SBFI - Aeroporto Internacional de Foz do Iguaçu</t>
  </si>
  <si>
    <t>SBGO - Aeroporto de Goiânia</t>
  </si>
  <si>
    <t>SBHT - Aeroporto de Altamira</t>
  </si>
  <si>
    <t>SBIL - Aeroporto de Ilhéus</t>
  </si>
  <si>
    <t>SBIZ - Aeroporto de Imperatriz</t>
  </si>
  <si>
    <t>SBJC - Aeroporto Júlio César de Belém</t>
  </si>
  <si>
    <t>SBJP - Aeroporto Internacional de João Pessoa</t>
  </si>
  <si>
    <t>SBJR - Aeroporto de Jacarepaguá</t>
  </si>
  <si>
    <t>SBJU - Aeroporto de Juazeiro do Norte</t>
  </si>
  <si>
    <t>SBJV - Aeroporto de Joinville</t>
  </si>
  <si>
    <t>SBKG - Aeroporto de Campina Grande</t>
  </si>
  <si>
    <t>SBLO - Aeroporto de Londrina</t>
  </si>
  <si>
    <t>SBMA - Aeroporto de Marabá</t>
  </si>
  <si>
    <t>SBME - Aeroporto de Macaé</t>
  </si>
  <si>
    <t>SBMK - Aeroporto de Montes Claros</t>
  </si>
  <si>
    <t>SBMO - Aeroporto Internacional de Maceió</t>
  </si>
  <si>
    <t>SBMQ - Aeroporto Internacional de Macapá</t>
  </si>
  <si>
    <t>SBMT - Aeroporto de Campo de Marte</t>
  </si>
  <si>
    <t>SBNF - Aeroporto Internacional de Navegantes</t>
  </si>
  <si>
    <t>SBPB - Aeroporto Internacional de Parnaíba</t>
  </si>
  <si>
    <t>SBPJ - Aeroporto de Palmas</t>
  </si>
  <si>
    <t>SBPK - Aeroporto Internacional de Pelotas</t>
  </si>
  <si>
    <t>SBPL - Aeroporto Internacional de Petrolina</t>
  </si>
  <si>
    <t>SBPP - Aeroporto Internacional de Ponta Porã</t>
  </si>
  <si>
    <t>SBPR - Aeroporto Carlos Prates de Belo Horizonte</t>
  </si>
  <si>
    <t>SBPV - Aeroporto Internacional de Porto Velho</t>
  </si>
  <si>
    <t>SBRB - Aeroporto de Rio Branco</t>
  </si>
  <si>
    <t>SBRF - Aeroporto Internacional de Recife</t>
  </si>
  <si>
    <t>SBRJ - Aeroporto Santos-Dumont</t>
  </si>
  <si>
    <t>SBSJ - Aeroporto Internacional de São José dos Campos</t>
  </si>
  <si>
    <t>SBSN - Aeroporto Internacional de Santarém</t>
  </si>
  <si>
    <t>SBSP - Aeroporto de Congonhas</t>
  </si>
  <si>
    <t>SBTE - Aeroporto de Teresina</t>
  </si>
  <si>
    <t>SBTF - Aeroporto de Tefé</t>
  </si>
  <si>
    <t>SBTT - Aeroporto Internacional de Tabatinga</t>
  </si>
  <si>
    <t>SBUF - Aeroporto de Paulo Afonso</t>
  </si>
  <si>
    <t>SBUG - Aeroporto Internacional de Uruguaiana</t>
  </si>
  <si>
    <t>SBUL - Aeroporto de Uberlândia</t>
  </si>
  <si>
    <t>SBUR - Aeroporto de Uberaba</t>
  </si>
  <si>
    <t>SBVT - Aeroporto Internacional de Vitória</t>
  </si>
  <si>
    <t>SBBH - Aeroporto de Belo Horizonte</t>
  </si>
  <si>
    <t>Infraero</t>
  </si>
  <si>
    <t>Transporte Regular</t>
  </si>
  <si>
    <t>Voo Doméstico</t>
  </si>
  <si>
    <t>Nacional</t>
  </si>
  <si>
    <t>Regional</t>
  </si>
  <si>
    <t>Voo Internacional</t>
  </si>
  <si>
    <t>Transporte Não Regular</t>
  </si>
  <si>
    <t>Carga Doméstica</t>
  </si>
  <si>
    <t>Carga Internacional</t>
  </si>
  <si>
    <t>Correios Doméstico</t>
  </si>
  <si>
    <t>Correios Internacional</t>
  </si>
  <si>
    <t>Pax Doméstico</t>
  </si>
  <si>
    <t>Pax Internacional</t>
  </si>
  <si>
    <t>Pax de Cabotagem</t>
  </si>
  <si>
    <t>SBSL - Aeroporto Internacional de São Luís</t>
  </si>
  <si>
    <t>SUPERINTENDÊNCIA DE PLANEJAMENTO AEROPORTUÁRIO - DFPA</t>
  </si>
  <si>
    <t>Movimento de Aeronaves da REDE INFRAERO em Março de 2018</t>
  </si>
  <si>
    <t>Movimento de Carga Aérea (Kg) da REDE INFRAERO em  Março de 2018</t>
  </si>
  <si>
    <t>Movimento de Correios (Kg) da REDE INFRAERO em Março de 2018</t>
  </si>
  <si>
    <t>Movimento de Passageiros da REDE INFRAERO em Março de 2018</t>
  </si>
  <si>
    <t>PLANILHA ELABORADA EM 26/04/201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_(* #,##0.00_);_(* \(#,##0.00\);_(* &quot;-&quot;??_);_(@_)"/>
    <numFmt numFmtId="165" formatCode="#,##0_ ;[Red]\-#,##0\ "/>
  </numFmts>
  <fonts count="26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color rgb="FF000000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10"/>
      <color rgb="FF000000"/>
      <name val="Arial"/>
      <family val="2"/>
    </font>
    <font>
      <b/>
      <sz val="10"/>
      <color rgb="FF000000"/>
      <name val="Arial"/>
      <family val="2"/>
    </font>
    <font>
      <sz val="10"/>
      <name val="Arial (W1)"/>
    </font>
    <font>
      <b/>
      <sz val="12"/>
      <color rgb="FF000000"/>
      <name val="Calibri"/>
      <family val="2"/>
      <scheme val="minor"/>
    </font>
    <font>
      <b/>
      <sz val="14"/>
      <color rgb="FF000000"/>
      <name val="Calibri"/>
      <family val="2"/>
      <scheme val="minor"/>
    </font>
    <font>
      <sz val="10"/>
      <name val="Arial"/>
      <family val="2"/>
    </font>
  </fonts>
  <fills count="39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B5B5B5"/>
        <bgColor indexed="64"/>
      </patternFill>
    </fill>
    <fill>
      <patternFill patternType="solid">
        <fgColor rgb="FF5C93F9"/>
        <bgColor indexed="64"/>
      </patternFill>
    </fill>
    <fill>
      <patternFill patternType="solid">
        <fgColor rgb="FFBED4F4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7" tint="0.39997558519241921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44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  <xf numFmtId="164" fontId="22" fillId="0" borderId="0" applyFont="0" applyFill="0" applyBorder="0" applyAlignment="0" applyProtection="0"/>
    <xf numFmtId="0" fontId="22" fillId="0" borderId="0"/>
  </cellStyleXfs>
  <cellXfs count="24">
    <xf numFmtId="0" fontId="0" fillId="0" borderId="0" xfId="0"/>
    <xf numFmtId="0" fontId="18" fillId="0" borderId="0" xfId="0" applyFont="1"/>
    <xf numFmtId="0" fontId="19" fillId="0" borderId="0" xfId="0" applyFont="1"/>
    <xf numFmtId="0" fontId="18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wrapText="1"/>
    </xf>
    <xf numFmtId="0" fontId="20" fillId="34" borderId="10" xfId="0" applyFont="1" applyFill="1" applyBorder="1" applyAlignment="1">
      <alignment horizontal="center" wrapText="1"/>
    </xf>
    <xf numFmtId="3" fontId="20" fillId="34" borderId="10" xfId="0" applyNumberFormat="1" applyFont="1" applyFill="1" applyBorder="1" applyAlignment="1">
      <alignment horizontal="right" wrapText="1"/>
    </xf>
    <xf numFmtId="0" fontId="20" fillId="35" borderId="10" xfId="0" applyFont="1" applyFill="1" applyBorder="1" applyAlignment="1">
      <alignment horizontal="center" wrapText="1"/>
    </xf>
    <xf numFmtId="3" fontId="20" fillId="35" borderId="10" xfId="0" applyNumberFormat="1" applyFont="1" applyFill="1" applyBorder="1" applyAlignment="1">
      <alignment horizontal="right" wrapText="1"/>
    </xf>
    <xf numFmtId="0" fontId="20" fillId="36" borderId="10" xfId="0" applyFont="1" applyFill="1" applyBorder="1" applyAlignment="1">
      <alignment horizontal="center" wrapText="1"/>
    </xf>
    <xf numFmtId="3" fontId="20" fillId="36" borderId="10" xfId="0" applyNumberFormat="1" applyFont="1" applyFill="1" applyBorder="1" applyAlignment="1">
      <alignment horizontal="right" wrapText="1"/>
    </xf>
    <xf numFmtId="165" fontId="20" fillId="34" borderId="10" xfId="0" applyNumberFormat="1" applyFont="1" applyFill="1" applyBorder="1" applyAlignment="1">
      <alignment horizontal="right" wrapText="1"/>
    </xf>
    <xf numFmtId="165" fontId="20" fillId="35" borderId="10" xfId="0" applyNumberFormat="1" applyFont="1" applyFill="1" applyBorder="1" applyAlignment="1">
      <alignment horizontal="right" wrapText="1"/>
    </xf>
    <xf numFmtId="165" fontId="20" fillId="36" borderId="10" xfId="0" applyNumberFormat="1" applyFont="1" applyFill="1" applyBorder="1" applyAlignment="1">
      <alignment horizontal="right" wrapText="1"/>
    </xf>
    <xf numFmtId="0" fontId="20" fillId="37" borderId="10" xfId="0" applyFont="1" applyFill="1" applyBorder="1" applyAlignment="1">
      <alignment horizontal="center" wrapText="1"/>
    </xf>
    <xf numFmtId="165" fontId="20" fillId="37" borderId="10" xfId="0" applyNumberFormat="1" applyFont="1" applyFill="1" applyBorder="1" applyAlignment="1">
      <alignment horizontal="right" wrapText="1"/>
    </xf>
    <xf numFmtId="0" fontId="20" fillId="38" borderId="10" xfId="0" applyFont="1" applyFill="1" applyBorder="1" applyAlignment="1">
      <alignment horizontal="center" wrapText="1"/>
    </xf>
    <xf numFmtId="165" fontId="20" fillId="38" borderId="10" xfId="0" applyNumberFormat="1" applyFont="1" applyFill="1" applyBorder="1" applyAlignment="1">
      <alignment horizontal="right" wrapText="1"/>
    </xf>
    <xf numFmtId="0" fontId="25" fillId="0" borderId="0" xfId="43" quotePrefix="1" applyFont="1" applyBorder="1" applyAlignment="1">
      <alignment horizontal="left" vertical="center"/>
    </xf>
    <xf numFmtId="37" fontId="25" fillId="0" borderId="0" xfId="42" quotePrefix="1" applyNumberFormat="1" applyFont="1" applyAlignment="1">
      <alignment horizontal="left" vertical="center"/>
    </xf>
    <xf numFmtId="3" fontId="20" fillId="38" borderId="10" xfId="0" applyNumberFormat="1" applyFont="1" applyFill="1" applyBorder="1" applyAlignment="1">
      <alignment horizontal="right" wrapText="1"/>
    </xf>
    <xf numFmtId="3" fontId="20" fillId="37" borderId="10" xfId="0" applyNumberFormat="1" applyFont="1" applyFill="1" applyBorder="1" applyAlignment="1">
      <alignment horizontal="right" wrapText="1"/>
    </xf>
    <xf numFmtId="0" fontId="24" fillId="0" borderId="0" xfId="0" applyFont="1" applyAlignment="1">
      <alignment horizontal="right"/>
    </xf>
    <xf numFmtId="0" fontId="23" fillId="0" borderId="0" xfId="0" applyFont="1" applyAlignment="1">
      <alignment horizontal="right"/>
    </xf>
  </cellXfs>
  <cellStyles count="44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rmal 2" xfId="43"/>
    <cellStyle name="Nota" xfId="15" builtinId="10" customBuiltin="1"/>
    <cellStyle name="Saída" xfId="10" builtinId="21" customBuiltin="1"/>
    <cellStyle name="Separador de milhares 2" xfId="42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0</xdr:colOff>
      <xdr:row>0</xdr:row>
      <xdr:rowOff>0</xdr:rowOff>
    </xdr:from>
    <xdr:to>
      <xdr:col>1</xdr:col>
      <xdr:colOff>2668059</xdr:colOff>
      <xdr:row>2</xdr:row>
      <xdr:rowOff>47625</xdr:rowOff>
    </xdr:to>
    <xdr:pic>
      <xdr:nvPicPr>
        <xdr:cNvPr id="2" name="Picture 3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3350" y="0"/>
          <a:ext cx="2667000" cy="4762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0</xdr:colOff>
      <xdr:row>0</xdr:row>
      <xdr:rowOff>0</xdr:rowOff>
    </xdr:from>
    <xdr:to>
      <xdr:col>1</xdr:col>
      <xdr:colOff>2665942</xdr:colOff>
      <xdr:row>2</xdr:row>
      <xdr:rowOff>42333</xdr:rowOff>
    </xdr:to>
    <xdr:pic>
      <xdr:nvPicPr>
        <xdr:cNvPr id="2" name="Picture 3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3350" y="0"/>
          <a:ext cx="2667000" cy="4762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0</xdr:colOff>
      <xdr:row>0</xdr:row>
      <xdr:rowOff>0</xdr:rowOff>
    </xdr:from>
    <xdr:to>
      <xdr:col>1</xdr:col>
      <xdr:colOff>2665942</xdr:colOff>
      <xdr:row>2</xdr:row>
      <xdr:rowOff>42333</xdr:rowOff>
    </xdr:to>
    <xdr:pic>
      <xdr:nvPicPr>
        <xdr:cNvPr id="2" name="Picture 3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3350" y="0"/>
          <a:ext cx="2664883" cy="470958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</xdr:colOff>
      <xdr:row>0</xdr:row>
      <xdr:rowOff>52917</xdr:rowOff>
    </xdr:from>
    <xdr:to>
      <xdr:col>1</xdr:col>
      <xdr:colOff>2665943</xdr:colOff>
      <xdr:row>2</xdr:row>
      <xdr:rowOff>95250</xdr:rowOff>
    </xdr:to>
    <xdr:pic>
      <xdr:nvPicPr>
        <xdr:cNvPr id="2" name="Picture 3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7584" y="52917"/>
          <a:ext cx="2665942" cy="4762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H502"/>
  <sheetViews>
    <sheetView showGridLines="0" tabSelected="1" zoomScale="90" zoomScaleNormal="90" workbookViewId="0">
      <pane xSplit="2" ySplit="5" topLeftCell="C6" activePane="bottomRight" state="frozen"/>
      <selection pane="topRight" activeCell="C1" sqref="C1"/>
      <selection pane="bottomLeft" activeCell="A6" sqref="A6"/>
      <selection pane="bottomRight" activeCell="K16" sqref="K16"/>
    </sheetView>
  </sheetViews>
  <sheetFormatPr defaultRowHeight="15" customHeight="1"/>
  <cols>
    <col min="1" max="1" width="2" style="1" customWidth="1"/>
    <col min="2" max="2" width="53.85546875" style="1" customWidth="1"/>
    <col min="3" max="4" width="14.5703125" style="1" bestFit="1" customWidth="1"/>
    <col min="5" max="6" width="18.85546875" style="1" bestFit="1" customWidth="1"/>
    <col min="7" max="8" width="18.140625" style="1" bestFit="1" customWidth="1"/>
    <col min="9" max="16384" width="9.140625" style="1"/>
  </cols>
  <sheetData>
    <row r="2" spans="2:8" ht="18.75">
      <c r="B2" s="2"/>
      <c r="C2" s="22" t="s">
        <v>89</v>
      </c>
      <c r="D2" s="22"/>
      <c r="E2" s="22"/>
      <c r="F2" s="22"/>
      <c r="G2" s="22"/>
      <c r="H2" s="22"/>
    </row>
    <row r="3" spans="2:8" ht="15.75">
      <c r="B3" s="23" t="s">
        <v>90</v>
      </c>
      <c r="C3" s="23"/>
      <c r="D3" s="23"/>
      <c r="E3" s="23"/>
      <c r="F3" s="23"/>
      <c r="G3" s="23"/>
      <c r="H3" s="23"/>
    </row>
    <row r="4" spans="2:8" ht="8.25" customHeight="1">
      <c r="B4" s="3"/>
    </row>
    <row r="5" spans="2:8" ht="15" customHeight="1">
      <c r="B5" s="4" t="s">
        <v>0</v>
      </c>
      <c r="C5" s="4" t="s">
        <v>1</v>
      </c>
      <c r="D5" s="4" t="s">
        <v>2</v>
      </c>
      <c r="E5" s="4" t="s">
        <v>3</v>
      </c>
      <c r="F5" s="4" t="s">
        <v>4</v>
      </c>
      <c r="G5" s="4" t="s">
        <v>5</v>
      </c>
      <c r="H5" s="4" t="s">
        <v>6</v>
      </c>
    </row>
    <row r="6" spans="2:8" ht="15" customHeight="1">
      <c r="B6" s="5" t="s">
        <v>74</v>
      </c>
      <c r="C6" s="11">
        <v>55207</v>
      </c>
      <c r="D6" s="11">
        <v>158025</v>
      </c>
      <c r="E6" s="11">
        <v>55346</v>
      </c>
      <c r="F6" s="11">
        <v>158125</v>
      </c>
      <c r="G6" s="11">
        <v>110553</v>
      </c>
      <c r="H6" s="11">
        <v>316150</v>
      </c>
    </row>
    <row r="7" spans="2:8" ht="15" customHeight="1">
      <c r="B7" s="16" t="s">
        <v>75</v>
      </c>
      <c r="C7" s="17">
        <v>29790</v>
      </c>
      <c r="D7" s="17">
        <v>87735</v>
      </c>
      <c r="E7" s="17">
        <v>29918</v>
      </c>
      <c r="F7" s="17">
        <v>88095</v>
      </c>
      <c r="G7" s="17">
        <v>59708</v>
      </c>
      <c r="H7" s="17">
        <v>175830</v>
      </c>
    </row>
    <row r="8" spans="2:8" ht="15" customHeight="1">
      <c r="B8" s="14" t="s">
        <v>76</v>
      </c>
      <c r="C8" s="12">
        <v>29345</v>
      </c>
      <c r="D8" s="12">
        <v>86421</v>
      </c>
      <c r="E8" s="12">
        <v>29456</v>
      </c>
      <c r="F8" s="12">
        <v>86742</v>
      </c>
      <c r="G8" s="12">
        <v>58801</v>
      </c>
      <c r="H8" s="12">
        <v>173163</v>
      </c>
    </row>
    <row r="9" spans="2:8" ht="15" customHeight="1">
      <c r="B9" s="9" t="s">
        <v>77</v>
      </c>
      <c r="C9" s="13">
        <v>26284</v>
      </c>
      <c r="D9" s="13">
        <v>77401</v>
      </c>
      <c r="E9" s="13">
        <v>26312</v>
      </c>
      <c r="F9" s="13">
        <v>77412</v>
      </c>
      <c r="G9" s="13">
        <v>52596</v>
      </c>
      <c r="H9" s="13">
        <v>154813</v>
      </c>
    </row>
    <row r="10" spans="2:8" ht="15" customHeight="1">
      <c r="B10" s="9" t="s">
        <v>78</v>
      </c>
      <c r="C10" s="13">
        <v>3061</v>
      </c>
      <c r="D10" s="13">
        <v>9020</v>
      </c>
      <c r="E10" s="13">
        <v>3144</v>
      </c>
      <c r="F10" s="13">
        <v>9330</v>
      </c>
      <c r="G10" s="13">
        <v>6205</v>
      </c>
      <c r="H10" s="13">
        <v>18350</v>
      </c>
    </row>
    <row r="11" spans="2:8" ht="15" customHeight="1">
      <c r="B11" s="7" t="s">
        <v>79</v>
      </c>
      <c r="C11" s="12">
        <v>445</v>
      </c>
      <c r="D11" s="12">
        <v>1314</v>
      </c>
      <c r="E11" s="12">
        <v>462</v>
      </c>
      <c r="F11" s="12">
        <v>1353</v>
      </c>
      <c r="G11" s="12">
        <v>907</v>
      </c>
      <c r="H11" s="12">
        <v>2667</v>
      </c>
    </row>
    <row r="12" spans="2:8" ht="15" customHeight="1">
      <c r="B12" s="16" t="s">
        <v>80</v>
      </c>
      <c r="C12" s="17">
        <v>25417</v>
      </c>
      <c r="D12" s="17">
        <v>70290</v>
      </c>
      <c r="E12" s="17">
        <v>25428</v>
      </c>
      <c r="F12" s="17">
        <v>70030</v>
      </c>
      <c r="G12" s="17">
        <v>50845</v>
      </c>
      <c r="H12" s="17">
        <v>140320</v>
      </c>
    </row>
    <row r="13" spans="2:8" ht="15" customHeight="1">
      <c r="B13" s="14" t="s">
        <v>76</v>
      </c>
      <c r="C13" s="15">
        <v>25118</v>
      </c>
      <c r="D13" s="15">
        <v>69522</v>
      </c>
      <c r="E13" s="15">
        <v>25118</v>
      </c>
      <c r="F13" s="15">
        <v>69255</v>
      </c>
      <c r="G13" s="15">
        <v>50236</v>
      </c>
      <c r="H13" s="15">
        <v>138777</v>
      </c>
    </row>
    <row r="14" spans="2:8" ht="15" customHeight="1">
      <c r="B14" s="14" t="s">
        <v>79</v>
      </c>
      <c r="C14" s="15">
        <v>299</v>
      </c>
      <c r="D14" s="15">
        <v>768</v>
      </c>
      <c r="E14" s="15">
        <v>310</v>
      </c>
      <c r="F14" s="15">
        <v>775</v>
      </c>
      <c r="G14" s="15">
        <v>609</v>
      </c>
      <c r="H14" s="15">
        <v>1543</v>
      </c>
    </row>
    <row r="15" spans="2:8" ht="15" customHeight="1">
      <c r="B15" s="5" t="s">
        <v>21</v>
      </c>
      <c r="C15" s="11">
        <v>487</v>
      </c>
      <c r="D15" s="11">
        <v>1493</v>
      </c>
      <c r="E15" s="11">
        <v>488</v>
      </c>
      <c r="F15" s="11">
        <v>1498</v>
      </c>
      <c r="G15" s="11">
        <v>975</v>
      </c>
      <c r="H15" s="11">
        <v>2991</v>
      </c>
    </row>
    <row r="16" spans="2:8" ht="15" customHeight="1">
      <c r="B16" s="16" t="s">
        <v>75</v>
      </c>
      <c r="C16" s="17">
        <v>378</v>
      </c>
      <c r="D16" s="17">
        <v>1129</v>
      </c>
      <c r="E16" s="17">
        <v>379</v>
      </c>
      <c r="F16" s="17">
        <v>1132</v>
      </c>
      <c r="G16" s="17">
        <v>757</v>
      </c>
      <c r="H16" s="17">
        <v>2261</v>
      </c>
    </row>
    <row r="17" spans="2:8" ht="15" customHeight="1">
      <c r="B17" s="14" t="s">
        <v>76</v>
      </c>
      <c r="C17" s="12">
        <v>374</v>
      </c>
      <c r="D17" s="12">
        <v>1118</v>
      </c>
      <c r="E17" s="12">
        <v>374</v>
      </c>
      <c r="F17" s="12">
        <v>1119</v>
      </c>
      <c r="G17" s="12">
        <v>748</v>
      </c>
      <c r="H17" s="12">
        <v>2237</v>
      </c>
    </row>
    <row r="18" spans="2:8" ht="15" customHeight="1">
      <c r="B18" s="9" t="s">
        <v>77</v>
      </c>
      <c r="C18" s="13">
        <v>374</v>
      </c>
      <c r="D18" s="13">
        <v>1118</v>
      </c>
      <c r="E18" s="13">
        <v>374</v>
      </c>
      <c r="F18" s="13">
        <v>1119</v>
      </c>
      <c r="G18" s="13">
        <v>748</v>
      </c>
      <c r="H18" s="13">
        <v>2237</v>
      </c>
    </row>
    <row r="19" spans="2:8" ht="15" customHeight="1">
      <c r="B19" s="9" t="s">
        <v>78</v>
      </c>
      <c r="C19" s="13">
        <v>0</v>
      </c>
      <c r="D19" s="13">
        <v>0</v>
      </c>
      <c r="E19" s="13">
        <v>0</v>
      </c>
      <c r="F19" s="13">
        <v>0</v>
      </c>
      <c r="G19" s="13">
        <v>0</v>
      </c>
      <c r="H19" s="13">
        <v>0</v>
      </c>
    </row>
    <row r="20" spans="2:8" ht="15" customHeight="1">
      <c r="B20" s="7" t="s">
        <v>79</v>
      </c>
      <c r="C20" s="12">
        <v>4</v>
      </c>
      <c r="D20" s="12">
        <v>11</v>
      </c>
      <c r="E20" s="12">
        <v>5</v>
      </c>
      <c r="F20" s="12">
        <v>13</v>
      </c>
      <c r="G20" s="12">
        <v>9</v>
      </c>
      <c r="H20" s="12">
        <v>24</v>
      </c>
    </row>
    <row r="21" spans="2:8" ht="15" customHeight="1">
      <c r="B21" s="16" t="s">
        <v>80</v>
      </c>
      <c r="C21" s="17">
        <v>109</v>
      </c>
      <c r="D21" s="17">
        <v>364</v>
      </c>
      <c r="E21" s="17">
        <v>109</v>
      </c>
      <c r="F21" s="17">
        <v>366</v>
      </c>
      <c r="G21" s="17">
        <v>218</v>
      </c>
      <c r="H21" s="17">
        <v>730</v>
      </c>
    </row>
    <row r="22" spans="2:8" ht="15" customHeight="1">
      <c r="B22" s="14" t="s">
        <v>76</v>
      </c>
      <c r="C22" s="15">
        <v>109</v>
      </c>
      <c r="D22" s="15">
        <v>364</v>
      </c>
      <c r="E22" s="15">
        <v>109</v>
      </c>
      <c r="F22" s="15">
        <v>366</v>
      </c>
      <c r="G22" s="15">
        <v>218</v>
      </c>
      <c r="H22" s="15">
        <v>730</v>
      </c>
    </row>
    <row r="23" spans="2:8" ht="15" customHeight="1">
      <c r="B23" s="14" t="s">
        <v>79</v>
      </c>
      <c r="C23" s="15">
        <v>0</v>
      </c>
      <c r="D23" s="15">
        <v>0</v>
      </c>
      <c r="E23" s="15">
        <v>0</v>
      </c>
      <c r="F23" s="15">
        <v>0</v>
      </c>
      <c r="G23" s="15">
        <v>0</v>
      </c>
      <c r="H23" s="15">
        <v>0</v>
      </c>
    </row>
    <row r="24" spans="2:8" ht="15" customHeight="1">
      <c r="B24" s="5" t="s">
        <v>22</v>
      </c>
      <c r="C24" s="11">
        <v>1543</v>
      </c>
      <c r="D24" s="11">
        <v>4567</v>
      </c>
      <c r="E24" s="11">
        <v>1544</v>
      </c>
      <c r="F24" s="11">
        <v>4562</v>
      </c>
      <c r="G24" s="11">
        <v>3087</v>
      </c>
      <c r="H24" s="11">
        <v>9129</v>
      </c>
    </row>
    <row r="25" spans="2:8" ht="15" customHeight="1">
      <c r="B25" s="16" t="s">
        <v>75</v>
      </c>
      <c r="C25" s="17">
        <v>1097</v>
      </c>
      <c r="D25" s="17">
        <v>3387</v>
      </c>
      <c r="E25" s="17">
        <v>1102</v>
      </c>
      <c r="F25" s="17">
        <v>3416</v>
      </c>
      <c r="G25" s="17">
        <v>2199</v>
      </c>
      <c r="H25" s="17">
        <v>6803</v>
      </c>
    </row>
    <row r="26" spans="2:8" ht="15" customHeight="1">
      <c r="B26" s="14" t="s">
        <v>76</v>
      </c>
      <c r="C26" s="12">
        <v>1041</v>
      </c>
      <c r="D26" s="12">
        <v>3223</v>
      </c>
      <c r="E26" s="12">
        <v>1045</v>
      </c>
      <c r="F26" s="12">
        <v>3248</v>
      </c>
      <c r="G26" s="12">
        <v>2086</v>
      </c>
      <c r="H26" s="12">
        <v>6471</v>
      </c>
    </row>
    <row r="27" spans="2:8" ht="15" customHeight="1">
      <c r="B27" s="9" t="s">
        <v>77</v>
      </c>
      <c r="C27" s="13">
        <v>1041</v>
      </c>
      <c r="D27" s="13">
        <v>3223</v>
      </c>
      <c r="E27" s="13">
        <v>1045</v>
      </c>
      <c r="F27" s="13">
        <v>3248</v>
      </c>
      <c r="G27" s="13">
        <v>2086</v>
      </c>
      <c r="H27" s="13">
        <v>6471</v>
      </c>
    </row>
    <row r="28" spans="2:8" ht="15" customHeight="1">
      <c r="B28" s="9" t="s">
        <v>78</v>
      </c>
      <c r="C28" s="13">
        <v>0</v>
      </c>
      <c r="D28" s="13">
        <v>0</v>
      </c>
      <c r="E28" s="13">
        <v>0</v>
      </c>
      <c r="F28" s="13">
        <v>0</v>
      </c>
      <c r="G28" s="13">
        <v>0</v>
      </c>
      <c r="H28" s="13">
        <v>0</v>
      </c>
    </row>
    <row r="29" spans="2:8" ht="15" customHeight="1">
      <c r="B29" s="7" t="s">
        <v>79</v>
      </c>
      <c r="C29" s="12">
        <v>56</v>
      </c>
      <c r="D29" s="12">
        <v>164</v>
      </c>
      <c r="E29" s="12">
        <v>57</v>
      </c>
      <c r="F29" s="12">
        <v>168</v>
      </c>
      <c r="G29" s="12">
        <v>113</v>
      </c>
      <c r="H29" s="12">
        <v>332</v>
      </c>
    </row>
    <row r="30" spans="2:8" ht="15" customHeight="1">
      <c r="B30" s="16" t="s">
        <v>80</v>
      </c>
      <c r="C30" s="17">
        <v>446</v>
      </c>
      <c r="D30" s="17">
        <v>1180</v>
      </c>
      <c r="E30" s="17">
        <v>442</v>
      </c>
      <c r="F30" s="17">
        <v>1146</v>
      </c>
      <c r="G30" s="17">
        <v>888</v>
      </c>
      <c r="H30" s="17">
        <v>2326</v>
      </c>
    </row>
    <row r="31" spans="2:8" ht="15" customHeight="1">
      <c r="B31" s="14" t="s">
        <v>76</v>
      </c>
      <c r="C31" s="15">
        <v>442</v>
      </c>
      <c r="D31" s="15">
        <v>1163</v>
      </c>
      <c r="E31" s="15">
        <v>436</v>
      </c>
      <c r="F31" s="15">
        <v>1129</v>
      </c>
      <c r="G31" s="15">
        <v>878</v>
      </c>
      <c r="H31" s="15">
        <v>2292</v>
      </c>
    </row>
    <row r="32" spans="2:8" ht="15" customHeight="1">
      <c r="B32" s="14" t="s">
        <v>79</v>
      </c>
      <c r="C32" s="15">
        <v>4</v>
      </c>
      <c r="D32" s="15">
        <v>17</v>
      </c>
      <c r="E32" s="15">
        <v>6</v>
      </c>
      <c r="F32" s="15">
        <v>17</v>
      </c>
      <c r="G32" s="15">
        <v>10</v>
      </c>
      <c r="H32" s="15">
        <v>34</v>
      </c>
    </row>
    <row r="33" spans="2:8" ht="15" customHeight="1">
      <c r="B33" s="5" t="s">
        <v>23</v>
      </c>
      <c r="C33" s="11">
        <v>28</v>
      </c>
      <c r="D33" s="11">
        <v>55</v>
      </c>
      <c r="E33" s="11">
        <v>26</v>
      </c>
      <c r="F33" s="11">
        <v>53</v>
      </c>
      <c r="G33" s="11">
        <v>54</v>
      </c>
      <c r="H33" s="11">
        <v>108</v>
      </c>
    </row>
    <row r="34" spans="2:8" ht="15" customHeight="1">
      <c r="B34" s="16" t="s">
        <v>75</v>
      </c>
      <c r="C34" s="17">
        <v>0</v>
      </c>
      <c r="D34" s="17">
        <v>0</v>
      </c>
      <c r="E34" s="17">
        <v>0</v>
      </c>
      <c r="F34" s="17">
        <v>0</v>
      </c>
      <c r="G34" s="17">
        <v>0</v>
      </c>
      <c r="H34" s="17">
        <v>0</v>
      </c>
    </row>
    <row r="35" spans="2:8" ht="15" customHeight="1">
      <c r="B35" s="14" t="s">
        <v>76</v>
      </c>
      <c r="C35" s="12">
        <v>0</v>
      </c>
      <c r="D35" s="12">
        <v>0</v>
      </c>
      <c r="E35" s="12">
        <v>0</v>
      </c>
      <c r="F35" s="12">
        <v>0</v>
      </c>
      <c r="G35" s="12">
        <v>0</v>
      </c>
      <c r="H35" s="12">
        <v>0</v>
      </c>
    </row>
    <row r="36" spans="2:8" ht="15" customHeight="1">
      <c r="B36" s="9" t="s">
        <v>77</v>
      </c>
      <c r="C36" s="13">
        <v>0</v>
      </c>
      <c r="D36" s="13">
        <v>0</v>
      </c>
      <c r="E36" s="13">
        <v>0</v>
      </c>
      <c r="F36" s="13">
        <v>0</v>
      </c>
      <c r="G36" s="13">
        <v>0</v>
      </c>
      <c r="H36" s="13">
        <v>0</v>
      </c>
    </row>
    <row r="37" spans="2:8" ht="15" customHeight="1">
      <c r="B37" s="9" t="s">
        <v>78</v>
      </c>
      <c r="C37" s="13">
        <v>0</v>
      </c>
      <c r="D37" s="13">
        <v>0</v>
      </c>
      <c r="E37" s="13">
        <v>0</v>
      </c>
      <c r="F37" s="13">
        <v>0</v>
      </c>
      <c r="G37" s="13">
        <v>0</v>
      </c>
      <c r="H37" s="13">
        <v>0</v>
      </c>
    </row>
    <row r="38" spans="2:8" ht="15" customHeight="1">
      <c r="B38" s="7" t="s">
        <v>79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</row>
    <row r="39" spans="2:8" ht="15" customHeight="1">
      <c r="B39" s="16" t="s">
        <v>80</v>
      </c>
      <c r="C39" s="17">
        <v>28</v>
      </c>
      <c r="D39" s="17">
        <v>55</v>
      </c>
      <c r="E39" s="17">
        <v>26</v>
      </c>
      <c r="F39" s="17">
        <v>53</v>
      </c>
      <c r="G39" s="17">
        <v>54</v>
      </c>
      <c r="H39" s="17">
        <v>108</v>
      </c>
    </row>
    <row r="40" spans="2:8" ht="15" customHeight="1">
      <c r="B40" s="14" t="s">
        <v>76</v>
      </c>
      <c r="C40" s="15">
        <v>24</v>
      </c>
      <c r="D40" s="15">
        <v>50</v>
      </c>
      <c r="E40" s="15">
        <v>21</v>
      </c>
      <c r="F40" s="15">
        <v>48</v>
      </c>
      <c r="G40" s="15">
        <v>45</v>
      </c>
      <c r="H40" s="15">
        <v>98</v>
      </c>
    </row>
    <row r="41" spans="2:8" ht="15" customHeight="1">
      <c r="B41" s="14" t="s">
        <v>79</v>
      </c>
      <c r="C41" s="15">
        <v>4</v>
      </c>
      <c r="D41" s="15">
        <v>5</v>
      </c>
      <c r="E41" s="15">
        <v>5</v>
      </c>
      <c r="F41" s="15">
        <v>5</v>
      </c>
      <c r="G41" s="15">
        <v>9</v>
      </c>
      <c r="H41" s="15">
        <v>10</v>
      </c>
    </row>
    <row r="42" spans="2:8" ht="15" customHeight="1">
      <c r="B42" s="5" t="s">
        <v>73</v>
      </c>
      <c r="C42" s="11">
        <v>1671</v>
      </c>
      <c r="D42" s="11">
        <v>4454</v>
      </c>
      <c r="E42" s="11">
        <v>1692</v>
      </c>
      <c r="F42" s="11">
        <v>4464</v>
      </c>
      <c r="G42" s="11">
        <v>3363</v>
      </c>
      <c r="H42" s="11">
        <v>8918</v>
      </c>
    </row>
    <row r="43" spans="2:8" ht="15" customHeight="1">
      <c r="B43" s="16" t="s">
        <v>75</v>
      </c>
      <c r="C43" s="17">
        <v>91</v>
      </c>
      <c r="D43" s="17">
        <v>251</v>
      </c>
      <c r="E43" s="17">
        <v>91</v>
      </c>
      <c r="F43" s="17">
        <v>252</v>
      </c>
      <c r="G43" s="17">
        <v>182</v>
      </c>
      <c r="H43" s="17">
        <v>503</v>
      </c>
    </row>
    <row r="44" spans="2:8" ht="15" customHeight="1">
      <c r="B44" s="14" t="s">
        <v>76</v>
      </c>
      <c r="C44" s="12">
        <v>91</v>
      </c>
      <c r="D44" s="12">
        <v>251</v>
      </c>
      <c r="E44" s="12">
        <v>91</v>
      </c>
      <c r="F44" s="12">
        <v>252</v>
      </c>
      <c r="G44" s="12">
        <v>182</v>
      </c>
      <c r="H44" s="12">
        <v>503</v>
      </c>
    </row>
    <row r="45" spans="2:8" ht="15" customHeight="1">
      <c r="B45" s="9" t="s">
        <v>77</v>
      </c>
      <c r="C45" s="13">
        <v>0</v>
      </c>
      <c r="D45" s="13">
        <v>0</v>
      </c>
      <c r="E45" s="13">
        <v>0</v>
      </c>
      <c r="F45" s="13">
        <v>0</v>
      </c>
      <c r="G45" s="13">
        <v>0</v>
      </c>
      <c r="H45" s="13">
        <v>0</v>
      </c>
    </row>
    <row r="46" spans="2:8" ht="15" customHeight="1">
      <c r="B46" s="9" t="s">
        <v>78</v>
      </c>
      <c r="C46" s="13">
        <v>91</v>
      </c>
      <c r="D46" s="13">
        <v>251</v>
      </c>
      <c r="E46" s="13">
        <v>91</v>
      </c>
      <c r="F46" s="13">
        <v>252</v>
      </c>
      <c r="G46" s="13">
        <v>182</v>
      </c>
      <c r="H46" s="13">
        <v>503</v>
      </c>
    </row>
    <row r="47" spans="2:8" ht="15" customHeight="1">
      <c r="B47" s="7" t="s">
        <v>79</v>
      </c>
      <c r="C47" s="12">
        <v>0</v>
      </c>
      <c r="D47" s="12">
        <v>0</v>
      </c>
      <c r="E47" s="12">
        <v>0</v>
      </c>
      <c r="F47" s="12">
        <v>0</v>
      </c>
      <c r="G47" s="12">
        <v>0</v>
      </c>
      <c r="H47" s="12">
        <v>0</v>
      </c>
    </row>
    <row r="48" spans="2:8" ht="15" customHeight="1">
      <c r="B48" s="16" t="s">
        <v>80</v>
      </c>
      <c r="C48" s="17">
        <v>1580</v>
      </c>
      <c r="D48" s="17">
        <v>4203</v>
      </c>
      <c r="E48" s="17">
        <v>1601</v>
      </c>
      <c r="F48" s="17">
        <v>4212</v>
      </c>
      <c r="G48" s="17">
        <v>3181</v>
      </c>
      <c r="H48" s="17">
        <v>8415</v>
      </c>
    </row>
    <row r="49" spans="2:8" ht="15" customHeight="1">
      <c r="B49" s="14" t="s">
        <v>76</v>
      </c>
      <c r="C49" s="15">
        <v>1571</v>
      </c>
      <c r="D49" s="15">
        <v>4190</v>
      </c>
      <c r="E49" s="15">
        <v>1592</v>
      </c>
      <c r="F49" s="15">
        <v>4199</v>
      </c>
      <c r="G49" s="15">
        <v>3163</v>
      </c>
      <c r="H49" s="15">
        <v>8389</v>
      </c>
    </row>
    <row r="50" spans="2:8" ht="15" customHeight="1">
      <c r="B50" s="14" t="s">
        <v>79</v>
      </c>
      <c r="C50" s="15">
        <v>9</v>
      </c>
      <c r="D50" s="15">
        <v>13</v>
      </c>
      <c r="E50" s="15">
        <v>9</v>
      </c>
      <c r="F50" s="15">
        <v>13</v>
      </c>
      <c r="G50" s="15">
        <v>18</v>
      </c>
      <c r="H50" s="15">
        <v>26</v>
      </c>
    </row>
    <row r="51" spans="2:8" ht="15" customHeight="1">
      <c r="B51" s="5" t="s">
        <v>24</v>
      </c>
      <c r="C51" s="11">
        <v>1294</v>
      </c>
      <c r="D51" s="11">
        <v>3101</v>
      </c>
      <c r="E51" s="11">
        <v>1288</v>
      </c>
      <c r="F51" s="11">
        <v>3084</v>
      </c>
      <c r="G51" s="11">
        <v>2582</v>
      </c>
      <c r="H51" s="11">
        <v>6185</v>
      </c>
    </row>
    <row r="52" spans="2:8" ht="15" customHeight="1">
      <c r="B52" s="16" t="s">
        <v>75</v>
      </c>
      <c r="C52" s="17">
        <v>0</v>
      </c>
      <c r="D52" s="17">
        <v>0</v>
      </c>
      <c r="E52" s="17">
        <v>0</v>
      </c>
      <c r="F52" s="17">
        <v>0</v>
      </c>
      <c r="G52" s="17">
        <v>0</v>
      </c>
      <c r="H52" s="17">
        <v>0</v>
      </c>
    </row>
    <row r="53" spans="2:8" ht="15" customHeight="1">
      <c r="B53" s="14" t="s">
        <v>76</v>
      </c>
      <c r="C53" s="12">
        <v>0</v>
      </c>
      <c r="D53" s="12">
        <v>0</v>
      </c>
      <c r="E53" s="12">
        <v>0</v>
      </c>
      <c r="F53" s="12">
        <v>0</v>
      </c>
      <c r="G53" s="12">
        <v>0</v>
      </c>
      <c r="H53" s="12">
        <v>0</v>
      </c>
    </row>
    <row r="54" spans="2:8" ht="15" customHeight="1">
      <c r="B54" s="9" t="s">
        <v>77</v>
      </c>
      <c r="C54" s="13">
        <v>0</v>
      </c>
      <c r="D54" s="13">
        <v>0</v>
      </c>
      <c r="E54" s="13">
        <v>0</v>
      </c>
      <c r="F54" s="13">
        <v>0</v>
      </c>
      <c r="G54" s="13">
        <v>0</v>
      </c>
      <c r="H54" s="13">
        <v>0</v>
      </c>
    </row>
    <row r="55" spans="2:8" ht="15" customHeight="1">
      <c r="B55" s="9" t="s">
        <v>78</v>
      </c>
      <c r="C55" s="13">
        <v>0</v>
      </c>
      <c r="D55" s="13">
        <v>0</v>
      </c>
      <c r="E55" s="13">
        <v>0</v>
      </c>
      <c r="F55" s="13">
        <v>0</v>
      </c>
      <c r="G55" s="13">
        <v>0</v>
      </c>
      <c r="H55" s="13">
        <v>0</v>
      </c>
    </row>
    <row r="56" spans="2:8" ht="15" customHeight="1">
      <c r="B56" s="7" t="s">
        <v>79</v>
      </c>
      <c r="C56" s="12">
        <v>0</v>
      </c>
      <c r="D56" s="12">
        <v>0</v>
      </c>
      <c r="E56" s="12">
        <v>0</v>
      </c>
      <c r="F56" s="12">
        <v>0</v>
      </c>
      <c r="G56" s="12">
        <v>0</v>
      </c>
      <c r="H56" s="12">
        <v>0</v>
      </c>
    </row>
    <row r="57" spans="2:8" ht="15" customHeight="1">
      <c r="B57" s="16" t="s">
        <v>80</v>
      </c>
      <c r="C57" s="17">
        <v>1294</v>
      </c>
      <c r="D57" s="17">
        <v>3101</v>
      </c>
      <c r="E57" s="17">
        <v>1288</v>
      </c>
      <c r="F57" s="17">
        <v>3084</v>
      </c>
      <c r="G57" s="17">
        <v>2582</v>
      </c>
      <c r="H57" s="17">
        <v>6185</v>
      </c>
    </row>
    <row r="58" spans="2:8" ht="15" customHeight="1">
      <c r="B58" s="14" t="s">
        <v>76</v>
      </c>
      <c r="C58" s="15">
        <v>1291</v>
      </c>
      <c r="D58" s="15">
        <v>3097</v>
      </c>
      <c r="E58" s="15">
        <v>1285</v>
      </c>
      <c r="F58" s="15">
        <v>3080</v>
      </c>
      <c r="G58" s="15">
        <v>2576</v>
      </c>
      <c r="H58" s="15">
        <v>6177</v>
      </c>
    </row>
    <row r="59" spans="2:8" ht="15" customHeight="1">
      <c r="B59" s="14" t="s">
        <v>79</v>
      </c>
      <c r="C59" s="15">
        <v>3</v>
      </c>
      <c r="D59" s="15">
        <v>4</v>
      </c>
      <c r="E59" s="15">
        <v>3</v>
      </c>
      <c r="F59" s="15">
        <v>4</v>
      </c>
      <c r="G59" s="15">
        <v>6</v>
      </c>
      <c r="H59" s="15">
        <v>8</v>
      </c>
    </row>
    <row r="60" spans="2:8" ht="15" customHeight="1">
      <c r="B60" s="5" t="s">
        <v>25</v>
      </c>
      <c r="C60" s="11">
        <v>247</v>
      </c>
      <c r="D60" s="11">
        <v>664</v>
      </c>
      <c r="E60" s="11">
        <v>248</v>
      </c>
      <c r="F60" s="11">
        <v>665</v>
      </c>
      <c r="G60" s="11">
        <v>495</v>
      </c>
      <c r="H60" s="11">
        <v>1329</v>
      </c>
    </row>
    <row r="61" spans="2:8" ht="15" customHeight="1">
      <c r="B61" s="16" t="s">
        <v>75</v>
      </c>
      <c r="C61" s="17">
        <v>100</v>
      </c>
      <c r="D61" s="17">
        <v>269</v>
      </c>
      <c r="E61" s="17">
        <v>100</v>
      </c>
      <c r="F61" s="17">
        <v>269</v>
      </c>
      <c r="G61" s="17">
        <v>200</v>
      </c>
      <c r="H61" s="17">
        <v>538</v>
      </c>
    </row>
    <row r="62" spans="2:8" ht="15" customHeight="1">
      <c r="B62" s="14" t="s">
        <v>76</v>
      </c>
      <c r="C62" s="12">
        <v>100</v>
      </c>
      <c r="D62" s="12">
        <v>269</v>
      </c>
      <c r="E62" s="12">
        <v>100</v>
      </c>
      <c r="F62" s="12">
        <v>269</v>
      </c>
      <c r="G62" s="12">
        <v>200</v>
      </c>
      <c r="H62" s="12">
        <v>538</v>
      </c>
    </row>
    <row r="63" spans="2:8" ht="15" customHeight="1">
      <c r="B63" s="9" t="s">
        <v>77</v>
      </c>
      <c r="C63" s="13">
        <v>100</v>
      </c>
      <c r="D63" s="13">
        <v>269</v>
      </c>
      <c r="E63" s="13">
        <v>100</v>
      </c>
      <c r="F63" s="13">
        <v>269</v>
      </c>
      <c r="G63" s="13">
        <v>200</v>
      </c>
      <c r="H63" s="13">
        <v>538</v>
      </c>
    </row>
    <row r="64" spans="2:8" ht="15" customHeight="1">
      <c r="B64" s="9" t="s">
        <v>78</v>
      </c>
      <c r="C64" s="13">
        <v>0</v>
      </c>
      <c r="D64" s="13">
        <v>0</v>
      </c>
      <c r="E64" s="13">
        <v>0</v>
      </c>
      <c r="F64" s="13">
        <v>0</v>
      </c>
      <c r="G64" s="13">
        <v>0</v>
      </c>
      <c r="H64" s="13">
        <v>0</v>
      </c>
    </row>
    <row r="65" spans="2:8" ht="15" customHeight="1">
      <c r="B65" s="7" t="s">
        <v>79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</row>
    <row r="66" spans="2:8" ht="15" customHeight="1">
      <c r="B66" s="16" t="s">
        <v>80</v>
      </c>
      <c r="C66" s="17">
        <v>147</v>
      </c>
      <c r="D66" s="17">
        <v>395</v>
      </c>
      <c r="E66" s="17">
        <v>148</v>
      </c>
      <c r="F66" s="17">
        <v>396</v>
      </c>
      <c r="G66" s="17">
        <v>295</v>
      </c>
      <c r="H66" s="17">
        <v>791</v>
      </c>
    </row>
    <row r="67" spans="2:8" ht="15" customHeight="1">
      <c r="B67" s="14" t="s">
        <v>76</v>
      </c>
      <c r="C67" s="15">
        <v>133</v>
      </c>
      <c r="D67" s="15">
        <v>342</v>
      </c>
      <c r="E67" s="15">
        <v>138</v>
      </c>
      <c r="F67" s="15">
        <v>350</v>
      </c>
      <c r="G67" s="15">
        <v>271</v>
      </c>
      <c r="H67" s="15">
        <v>692</v>
      </c>
    </row>
    <row r="68" spans="2:8" ht="15" customHeight="1">
      <c r="B68" s="14" t="s">
        <v>79</v>
      </c>
      <c r="C68" s="15">
        <v>14</v>
      </c>
      <c r="D68" s="15">
        <v>53</v>
      </c>
      <c r="E68" s="15">
        <v>10</v>
      </c>
      <c r="F68" s="15">
        <v>46</v>
      </c>
      <c r="G68" s="15">
        <v>24</v>
      </c>
      <c r="H68" s="15">
        <v>99</v>
      </c>
    </row>
    <row r="69" spans="2:8" ht="15" customHeight="1">
      <c r="B69" s="5" t="s">
        <v>26</v>
      </c>
      <c r="C69" s="11">
        <v>829</v>
      </c>
      <c r="D69" s="11">
        <v>2262</v>
      </c>
      <c r="E69" s="11">
        <v>828</v>
      </c>
      <c r="F69" s="11">
        <v>2258</v>
      </c>
      <c r="G69" s="11">
        <v>1657</v>
      </c>
      <c r="H69" s="11">
        <v>4520</v>
      </c>
    </row>
    <row r="70" spans="2:8" ht="15" customHeight="1">
      <c r="B70" s="16" t="s">
        <v>75</v>
      </c>
      <c r="C70" s="17">
        <v>560</v>
      </c>
      <c r="D70" s="17">
        <v>1661</v>
      </c>
      <c r="E70" s="17">
        <v>563</v>
      </c>
      <c r="F70" s="17">
        <v>1663</v>
      </c>
      <c r="G70" s="17">
        <v>1123</v>
      </c>
      <c r="H70" s="17">
        <v>3324</v>
      </c>
    </row>
    <row r="71" spans="2:8" ht="15" customHeight="1">
      <c r="B71" s="14" t="s">
        <v>76</v>
      </c>
      <c r="C71" s="12">
        <v>550</v>
      </c>
      <c r="D71" s="12">
        <v>1630</v>
      </c>
      <c r="E71" s="12">
        <v>553</v>
      </c>
      <c r="F71" s="12">
        <v>1632</v>
      </c>
      <c r="G71" s="12">
        <v>1103</v>
      </c>
      <c r="H71" s="12">
        <v>3262</v>
      </c>
    </row>
    <row r="72" spans="2:8" ht="15" customHeight="1">
      <c r="B72" s="9" t="s">
        <v>77</v>
      </c>
      <c r="C72" s="13">
        <v>550</v>
      </c>
      <c r="D72" s="13">
        <v>1630</v>
      </c>
      <c r="E72" s="13">
        <v>553</v>
      </c>
      <c r="F72" s="13">
        <v>1632</v>
      </c>
      <c r="G72" s="13">
        <v>1103</v>
      </c>
      <c r="H72" s="13">
        <v>3262</v>
      </c>
    </row>
    <row r="73" spans="2:8" ht="15" customHeight="1">
      <c r="B73" s="9" t="s">
        <v>78</v>
      </c>
      <c r="C73" s="13">
        <v>0</v>
      </c>
      <c r="D73" s="13">
        <v>0</v>
      </c>
      <c r="E73" s="13">
        <v>0</v>
      </c>
      <c r="F73" s="13">
        <v>0</v>
      </c>
      <c r="G73" s="13">
        <v>0</v>
      </c>
      <c r="H73" s="13">
        <v>0</v>
      </c>
    </row>
    <row r="74" spans="2:8" ht="15" customHeight="1">
      <c r="B74" s="7" t="s">
        <v>79</v>
      </c>
      <c r="C74" s="12">
        <v>10</v>
      </c>
      <c r="D74" s="12">
        <v>31</v>
      </c>
      <c r="E74" s="12">
        <v>10</v>
      </c>
      <c r="F74" s="12">
        <v>31</v>
      </c>
      <c r="G74" s="12">
        <v>20</v>
      </c>
      <c r="H74" s="12">
        <v>62</v>
      </c>
    </row>
    <row r="75" spans="2:8" ht="15" customHeight="1">
      <c r="B75" s="16" t="s">
        <v>80</v>
      </c>
      <c r="C75" s="17">
        <v>269</v>
      </c>
      <c r="D75" s="17">
        <v>601</v>
      </c>
      <c r="E75" s="17">
        <v>265</v>
      </c>
      <c r="F75" s="17">
        <v>595</v>
      </c>
      <c r="G75" s="17">
        <v>534</v>
      </c>
      <c r="H75" s="17">
        <v>1196</v>
      </c>
    </row>
    <row r="76" spans="2:8" ht="15" customHeight="1">
      <c r="B76" s="14" t="s">
        <v>76</v>
      </c>
      <c r="C76" s="15">
        <v>254</v>
      </c>
      <c r="D76" s="15">
        <v>573</v>
      </c>
      <c r="E76" s="15">
        <v>253</v>
      </c>
      <c r="F76" s="15">
        <v>573</v>
      </c>
      <c r="G76" s="15">
        <v>507</v>
      </c>
      <c r="H76" s="15">
        <v>1146</v>
      </c>
    </row>
    <row r="77" spans="2:8" ht="15" customHeight="1">
      <c r="B77" s="14" t="s">
        <v>79</v>
      </c>
      <c r="C77" s="15">
        <v>15</v>
      </c>
      <c r="D77" s="15">
        <v>28</v>
      </c>
      <c r="E77" s="15">
        <v>12</v>
      </c>
      <c r="F77" s="15">
        <v>22</v>
      </c>
      <c r="G77" s="15">
        <v>27</v>
      </c>
      <c r="H77" s="15">
        <v>50</v>
      </c>
    </row>
    <row r="78" spans="2:8" ht="15" customHeight="1">
      <c r="B78" s="5" t="s">
        <v>27</v>
      </c>
      <c r="C78" s="11">
        <v>154</v>
      </c>
      <c r="D78" s="11">
        <v>442</v>
      </c>
      <c r="E78" s="11">
        <v>154</v>
      </c>
      <c r="F78" s="11">
        <v>442</v>
      </c>
      <c r="G78" s="11">
        <v>308</v>
      </c>
      <c r="H78" s="11">
        <v>884</v>
      </c>
    </row>
    <row r="79" spans="2:8" ht="15" customHeight="1">
      <c r="B79" s="16" t="s">
        <v>75</v>
      </c>
      <c r="C79" s="17">
        <v>78</v>
      </c>
      <c r="D79" s="17">
        <v>232</v>
      </c>
      <c r="E79" s="17">
        <v>78</v>
      </c>
      <c r="F79" s="17">
        <v>232</v>
      </c>
      <c r="G79" s="17">
        <v>156</v>
      </c>
      <c r="H79" s="17">
        <v>464</v>
      </c>
    </row>
    <row r="80" spans="2:8" ht="15" customHeight="1">
      <c r="B80" s="14" t="s">
        <v>76</v>
      </c>
      <c r="C80" s="12">
        <v>78</v>
      </c>
      <c r="D80" s="12">
        <v>232</v>
      </c>
      <c r="E80" s="12">
        <v>78</v>
      </c>
      <c r="F80" s="12">
        <v>232</v>
      </c>
      <c r="G80" s="12">
        <v>156</v>
      </c>
      <c r="H80" s="12">
        <v>464</v>
      </c>
    </row>
    <row r="81" spans="2:8" ht="15" customHeight="1">
      <c r="B81" s="9" t="s">
        <v>77</v>
      </c>
      <c r="C81" s="13">
        <v>78</v>
      </c>
      <c r="D81" s="13">
        <v>232</v>
      </c>
      <c r="E81" s="13">
        <v>78</v>
      </c>
      <c r="F81" s="13">
        <v>232</v>
      </c>
      <c r="G81" s="13">
        <v>156</v>
      </c>
      <c r="H81" s="13">
        <v>464</v>
      </c>
    </row>
    <row r="82" spans="2:8" ht="15" customHeight="1">
      <c r="B82" s="9" t="s">
        <v>78</v>
      </c>
      <c r="C82" s="13">
        <v>0</v>
      </c>
      <c r="D82" s="13">
        <v>0</v>
      </c>
      <c r="E82" s="13">
        <v>0</v>
      </c>
      <c r="F82" s="13">
        <v>0</v>
      </c>
      <c r="G82" s="13">
        <v>0</v>
      </c>
      <c r="H82" s="13">
        <v>0</v>
      </c>
    </row>
    <row r="83" spans="2:8" ht="15" customHeight="1">
      <c r="B83" s="7" t="s">
        <v>79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</row>
    <row r="84" spans="2:8" ht="15" customHeight="1">
      <c r="B84" s="16" t="s">
        <v>80</v>
      </c>
      <c r="C84" s="17">
        <v>76</v>
      </c>
      <c r="D84" s="17">
        <v>210</v>
      </c>
      <c r="E84" s="17">
        <v>76</v>
      </c>
      <c r="F84" s="17">
        <v>210</v>
      </c>
      <c r="G84" s="17">
        <v>152</v>
      </c>
      <c r="H84" s="17">
        <v>420</v>
      </c>
    </row>
    <row r="85" spans="2:8" ht="15" customHeight="1">
      <c r="B85" s="14" t="s">
        <v>76</v>
      </c>
      <c r="C85" s="15">
        <v>76</v>
      </c>
      <c r="D85" s="15">
        <v>210</v>
      </c>
      <c r="E85" s="15">
        <v>76</v>
      </c>
      <c r="F85" s="15">
        <v>210</v>
      </c>
      <c r="G85" s="15">
        <v>152</v>
      </c>
      <c r="H85" s="15">
        <v>420</v>
      </c>
    </row>
    <row r="86" spans="2:8" ht="15" customHeight="1">
      <c r="B86" s="14" t="s">
        <v>79</v>
      </c>
      <c r="C86" s="15">
        <v>0</v>
      </c>
      <c r="D86" s="15">
        <v>0</v>
      </c>
      <c r="E86" s="15">
        <v>0</v>
      </c>
      <c r="F86" s="15">
        <v>0</v>
      </c>
      <c r="G86" s="15">
        <v>0</v>
      </c>
      <c r="H86" s="15">
        <v>0</v>
      </c>
    </row>
    <row r="87" spans="2:8" ht="15" customHeight="1">
      <c r="B87" s="5" t="s">
        <v>28</v>
      </c>
      <c r="C87" s="11">
        <v>70</v>
      </c>
      <c r="D87" s="11">
        <v>164</v>
      </c>
      <c r="E87" s="11">
        <v>70</v>
      </c>
      <c r="F87" s="11">
        <v>164</v>
      </c>
      <c r="G87" s="11">
        <v>140</v>
      </c>
      <c r="H87" s="11">
        <v>328</v>
      </c>
    </row>
    <row r="88" spans="2:8" ht="15" customHeight="1">
      <c r="B88" s="16" t="s">
        <v>75</v>
      </c>
      <c r="C88" s="17">
        <v>17</v>
      </c>
      <c r="D88" s="17">
        <v>47</v>
      </c>
      <c r="E88" s="17">
        <v>17</v>
      </c>
      <c r="F88" s="17">
        <v>47</v>
      </c>
      <c r="G88" s="17">
        <v>34</v>
      </c>
      <c r="H88" s="17">
        <v>94</v>
      </c>
    </row>
    <row r="89" spans="2:8" ht="15" customHeight="1">
      <c r="B89" s="14" t="s">
        <v>76</v>
      </c>
      <c r="C89" s="12">
        <v>17</v>
      </c>
      <c r="D89" s="12">
        <v>47</v>
      </c>
      <c r="E89" s="12">
        <v>17</v>
      </c>
      <c r="F89" s="12">
        <v>47</v>
      </c>
      <c r="G89" s="12">
        <v>34</v>
      </c>
      <c r="H89" s="12">
        <v>94</v>
      </c>
    </row>
    <row r="90" spans="2:8" ht="15" customHeight="1">
      <c r="B90" s="9" t="s">
        <v>77</v>
      </c>
      <c r="C90" s="13">
        <v>0</v>
      </c>
      <c r="D90" s="13">
        <v>9</v>
      </c>
      <c r="E90" s="13">
        <v>0</v>
      </c>
      <c r="F90" s="13">
        <v>9</v>
      </c>
      <c r="G90" s="13">
        <v>0</v>
      </c>
      <c r="H90" s="13">
        <v>18</v>
      </c>
    </row>
    <row r="91" spans="2:8" ht="15" customHeight="1">
      <c r="B91" s="9" t="s">
        <v>78</v>
      </c>
      <c r="C91" s="13">
        <v>17</v>
      </c>
      <c r="D91" s="13">
        <v>38</v>
      </c>
      <c r="E91" s="13">
        <v>17</v>
      </c>
      <c r="F91" s="13">
        <v>38</v>
      </c>
      <c r="G91" s="13">
        <v>34</v>
      </c>
      <c r="H91" s="13">
        <v>76</v>
      </c>
    </row>
    <row r="92" spans="2:8" ht="15" customHeight="1">
      <c r="B92" s="7" t="s">
        <v>79</v>
      </c>
      <c r="C92" s="12">
        <v>0</v>
      </c>
      <c r="D92" s="12">
        <v>0</v>
      </c>
      <c r="E92" s="12">
        <v>0</v>
      </c>
      <c r="F92" s="12">
        <v>0</v>
      </c>
      <c r="G92" s="12">
        <v>0</v>
      </c>
      <c r="H92" s="12">
        <v>0</v>
      </c>
    </row>
    <row r="93" spans="2:8" ht="15" customHeight="1">
      <c r="B93" s="16" t="s">
        <v>80</v>
      </c>
      <c r="C93" s="17">
        <v>53</v>
      </c>
      <c r="D93" s="17">
        <v>117</v>
      </c>
      <c r="E93" s="17">
        <v>53</v>
      </c>
      <c r="F93" s="17">
        <v>117</v>
      </c>
      <c r="G93" s="17">
        <v>106</v>
      </c>
      <c r="H93" s="17">
        <v>234</v>
      </c>
    </row>
    <row r="94" spans="2:8" ht="15" customHeight="1">
      <c r="B94" s="14" t="s">
        <v>76</v>
      </c>
      <c r="C94" s="15">
        <v>53</v>
      </c>
      <c r="D94" s="15">
        <v>115</v>
      </c>
      <c r="E94" s="15">
        <v>53</v>
      </c>
      <c r="F94" s="15">
        <v>115</v>
      </c>
      <c r="G94" s="15">
        <v>106</v>
      </c>
      <c r="H94" s="15">
        <v>230</v>
      </c>
    </row>
    <row r="95" spans="2:8" ht="15" customHeight="1">
      <c r="B95" s="14" t="s">
        <v>79</v>
      </c>
      <c r="C95" s="15">
        <v>0</v>
      </c>
      <c r="D95" s="15">
        <v>2</v>
      </c>
      <c r="E95" s="15">
        <v>0</v>
      </c>
      <c r="F95" s="15">
        <v>2</v>
      </c>
      <c r="G95" s="15">
        <v>0</v>
      </c>
      <c r="H95" s="15">
        <v>4</v>
      </c>
    </row>
    <row r="96" spans="2:8" ht="15" customHeight="1">
      <c r="B96" s="5" t="s">
        <v>29</v>
      </c>
      <c r="C96" s="11">
        <v>2776</v>
      </c>
      <c r="D96" s="11">
        <v>7849</v>
      </c>
      <c r="E96" s="11">
        <v>2780</v>
      </c>
      <c r="F96" s="11">
        <v>7851</v>
      </c>
      <c r="G96" s="11">
        <v>5556</v>
      </c>
      <c r="H96" s="11">
        <v>15700</v>
      </c>
    </row>
    <row r="97" spans="2:8" ht="15" customHeight="1">
      <c r="B97" s="16" t="s">
        <v>75</v>
      </c>
      <c r="C97" s="17">
        <v>2431</v>
      </c>
      <c r="D97" s="17">
        <v>6813</v>
      </c>
      <c r="E97" s="17">
        <v>2434</v>
      </c>
      <c r="F97" s="17">
        <v>6864</v>
      </c>
      <c r="G97" s="17">
        <v>4865</v>
      </c>
      <c r="H97" s="17">
        <v>13677</v>
      </c>
    </row>
    <row r="98" spans="2:8" ht="15" customHeight="1">
      <c r="B98" s="14" t="s">
        <v>76</v>
      </c>
      <c r="C98" s="12">
        <v>2351</v>
      </c>
      <c r="D98" s="12">
        <v>6583</v>
      </c>
      <c r="E98" s="12">
        <v>2354</v>
      </c>
      <c r="F98" s="12">
        <v>6633</v>
      </c>
      <c r="G98" s="12">
        <v>4705</v>
      </c>
      <c r="H98" s="12">
        <v>13216</v>
      </c>
    </row>
    <row r="99" spans="2:8" ht="15" customHeight="1">
      <c r="B99" s="9" t="s">
        <v>77</v>
      </c>
      <c r="C99" s="13">
        <v>1527</v>
      </c>
      <c r="D99" s="13">
        <v>4268</v>
      </c>
      <c r="E99" s="13">
        <v>1398</v>
      </c>
      <c r="F99" s="13">
        <v>3911</v>
      </c>
      <c r="G99" s="13">
        <v>2925</v>
      </c>
      <c r="H99" s="13">
        <v>8179</v>
      </c>
    </row>
    <row r="100" spans="2:8" ht="15" customHeight="1">
      <c r="B100" s="9" t="s">
        <v>78</v>
      </c>
      <c r="C100" s="13">
        <v>824</v>
      </c>
      <c r="D100" s="13">
        <v>2315</v>
      </c>
      <c r="E100" s="13">
        <v>956</v>
      </c>
      <c r="F100" s="13">
        <v>2722</v>
      </c>
      <c r="G100" s="13">
        <v>1780</v>
      </c>
      <c r="H100" s="13">
        <v>5037</v>
      </c>
    </row>
    <row r="101" spans="2:8" ht="15" customHeight="1">
      <c r="B101" s="7" t="s">
        <v>79</v>
      </c>
      <c r="C101" s="12">
        <v>80</v>
      </c>
      <c r="D101" s="12">
        <v>230</v>
      </c>
      <c r="E101" s="12">
        <v>80</v>
      </c>
      <c r="F101" s="12">
        <v>231</v>
      </c>
      <c r="G101" s="12">
        <v>160</v>
      </c>
      <c r="H101" s="12">
        <v>461</v>
      </c>
    </row>
    <row r="102" spans="2:8" ht="15" customHeight="1">
      <c r="B102" s="16" t="s">
        <v>80</v>
      </c>
      <c r="C102" s="17">
        <v>345</v>
      </c>
      <c r="D102" s="17">
        <v>1036</v>
      </c>
      <c r="E102" s="17">
        <v>346</v>
      </c>
      <c r="F102" s="17">
        <v>987</v>
      </c>
      <c r="G102" s="17">
        <v>691</v>
      </c>
      <c r="H102" s="17">
        <v>2023</v>
      </c>
    </row>
    <row r="103" spans="2:8" ht="15" customHeight="1">
      <c r="B103" s="14" t="s">
        <v>76</v>
      </c>
      <c r="C103" s="15">
        <v>327</v>
      </c>
      <c r="D103" s="15">
        <v>999</v>
      </c>
      <c r="E103" s="15">
        <v>322</v>
      </c>
      <c r="F103" s="15">
        <v>941</v>
      </c>
      <c r="G103" s="15">
        <v>649</v>
      </c>
      <c r="H103" s="15">
        <v>1940</v>
      </c>
    </row>
    <row r="104" spans="2:8" ht="15" customHeight="1">
      <c r="B104" s="14" t="s">
        <v>79</v>
      </c>
      <c r="C104" s="15">
        <v>18</v>
      </c>
      <c r="D104" s="15">
        <v>37</v>
      </c>
      <c r="E104" s="15">
        <v>24</v>
      </c>
      <c r="F104" s="15">
        <v>46</v>
      </c>
      <c r="G104" s="15">
        <v>42</v>
      </c>
      <c r="H104" s="15">
        <v>83</v>
      </c>
    </row>
    <row r="105" spans="2:8" ht="15" customHeight="1">
      <c r="B105" s="5" t="s">
        <v>30</v>
      </c>
      <c r="C105" s="11">
        <v>1996</v>
      </c>
      <c r="D105" s="11">
        <v>5743</v>
      </c>
      <c r="E105" s="11">
        <v>1993</v>
      </c>
      <c r="F105" s="11">
        <v>5748</v>
      </c>
      <c r="G105" s="11">
        <v>3989</v>
      </c>
      <c r="H105" s="11">
        <v>11491</v>
      </c>
    </row>
    <row r="106" spans="2:8" ht="15" customHeight="1">
      <c r="B106" s="16" t="s">
        <v>75</v>
      </c>
      <c r="C106" s="17">
        <v>1149</v>
      </c>
      <c r="D106" s="17">
        <v>3316</v>
      </c>
      <c r="E106" s="17">
        <v>1156</v>
      </c>
      <c r="F106" s="17">
        <v>3332</v>
      </c>
      <c r="G106" s="17">
        <v>2305</v>
      </c>
      <c r="H106" s="17">
        <v>6648</v>
      </c>
    </row>
    <row r="107" spans="2:8" ht="15" customHeight="1">
      <c r="B107" s="14" t="s">
        <v>76</v>
      </c>
      <c r="C107" s="12">
        <v>1149</v>
      </c>
      <c r="D107" s="12">
        <v>3316</v>
      </c>
      <c r="E107" s="12">
        <v>1156</v>
      </c>
      <c r="F107" s="12">
        <v>3332</v>
      </c>
      <c r="G107" s="12">
        <v>2305</v>
      </c>
      <c r="H107" s="12">
        <v>6648</v>
      </c>
    </row>
    <row r="108" spans="2:8" ht="15" customHeight="1">
      <c r="B108" s="9" t="s">
        <v>77</v>
      </c>
      <c r="C108" s="13">
        <v>962</v>
      </c>
      <c r="D108" s="13">
        <v>2727</v>
      </c>
      <c r="E108" s="13">
        <v>963</v>
      </c>
      <c r="F108" s="13">
        <v>2694</v>
      </c>
      <c r="G108" s="13">
        <v>1925</v>
      </c>
      <c r="H108" s="13">
        <v>5421</v>
      </c>
    </row>
    <row r="109" spans="2:8" ht="15" customHeight="1">
      <c r="B109" s="9" t="s">
        <v>78</v>
      </c>
      <c r="C109" s="13">
        <v>187</v>
      </c>
      <c r="D109" s="13">
        <v>589</v>
      </c>
      <c r="E109" s="13">
        <v>193</v>
      </c>
      <c r="F109" s="13">
        <v>638</v>
      </c>
      <c r="G109" s="13">
        <v>380</v>
      </c>
      <c r="H109" s="13">
        <v>1227</v>
      </c>
    </row>
    <row r="110" spans="2:8" ht="15" customHeight="1">
      <c r="B110" s="7" t="s">
        <v>79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</row>
    <row r="111" spans="2:8" ht="15" customHeight="1">
      <c r="B111" s="16" t="s">
        <v>80</v>
      </c>
      <c r="C111" s="17">
        <v>847</v>
      </c>
      <c r="D111" s="17">
        <v>2427</v>
      </c>
      <c r="E111" s="17">
        <v>837</v>
      </c>
      <c r="F111" s="17">
        <v>2416</v>
      </c>
      <c r="G111" s="17">
        <v>1684</v>
      </c>
      <c r="H111" s="17">
        <v>4843</v>
      </c>
    </row>
    <row r="112" spans="2:8" ht="15" customHeight="1">
      <c r="B112" s="14" t="s">
        <v>76</v>
      </c>
      <c r="C112" s="15">
        <v>845</v>
      </c>
      <c r="D112" s="15">
        <v>2415</v>
      </c>
      <c r="E112" s="15">
        <v>836</v>
      </c>
      <c r="F112" s="15">
        <v>2405</v>
      </c>
      <c r="G112" s="15">
        <v>1681</v>
      </c>
      <c r="H112" s="15">
        <v>4820</v>
      </c>
    </row>
    <row r="113" spans="2:8" ht="15" customHeight="1">
      <c r="B113" s="14" t="s">
        <v>79</v>
      </c>
      <c r="C113" s="15">
        <v>2</v>
      </c>
      <c r="D113" s="15">
        <v>12</v>
      </c>
      <c r="E113" s="15">
        <v>1</v>
      </c>
      <c r="F113" s="15">
        <v>11</v>
      </c>
      <c r="G113" s="15">
        <v>3</v>
      </c>
      <c r="H113" s="15">
        <v>23</v>
      </c>
    </row>
    <row r="114" spans="2:8" ht="15" customHeight="1">
      <c r="B114" s="5" t="s">
        <v>31</v>
      </c>
      <c r="C114" s="11">
        <v>179</v>
      </c>
      <c r="D114" s="11">
        <v>535</v>
      </c>
      <c r="E114" s="11">
        <v>178</v>
      </c>
      <c r="F114" s="11">
        <v>535</v>
      </c>
      <c r="G114" s="11">
        <v>357</v>
      </c>
      <c r="H114" s="11">
        <v>1070</v>
      </c>
    </row>
    <row r="115" spans="2:8" ht="15" customHeight="1">
      <c r="B115" s="16" t="s">
        <v>75</v>
      </c>
      <c r="C115" s="17">
        <v>43</v>
      </c>
      <c r="D115" s="17">
        <v>125</v>
      </c>
      <c r="E115" s="17">
        <v>43</v>
      </c>
      <c r="F115" s="17">
        <v>124</v>
      </c>
      <c r="G115" s="17">
        <v>86</v>
      </c>
      <c r="H115" s="17">
        <v>249</v>
      </c>
    </row>
    <row r="116" spans="2:8" ht="15" customHeight="1">
      <c r="B116" s="14" t="s">
        <v>76</v>
      </c>
      <c r="C116" s="12">
        <v>43</v>
      </c>
      <c r="D116" s="12">
        <v>125</v>
      </c>
      <c r="E116" s="12">
        <v>43</v>
      </c>
      <c r="F116" s="12">
        <v>124</v>
      </c>
      <c r="G116" s="12">
        <v>86</v>
      </c>
      <c r="H116" s="12">
        <v>249</v>
      </c>
    </row>
    <row r="117" spans="2:8" ht="15" customHeight="1">
      <c r="B117" s="9" t="s">
        <v>77</v>
      </c>
      <c r="C117" s="13">
        <v>25</v>
      </c>
      <c r="D117" s="13">
        <v>76</v>
      </c>
      <c r="E117" s="13">
        <v>25</v>
      </c>
      <c r="F117" s="13">
        <v>75</v>
      </c>
      <c r="G117" s="13">
        <v>50</v>
      </c>
      <c r="H117" s="13">
        <v>151</v>
      </c>
    </row>
    <row r="118" spans="2:8" ht="15" customHeight="1">
      <c r="B118" s="9" t="s">
        <v>78</v>
      </c>
      <c r="C118" s="13">
        <v>18</v>
      </c>
      <c r="D118" s="13">
        <v>49</v>
      </c>
      <c r="E118" s="13">
        <v>18</v>
      </c>
      <c r="F118" s="13">
        <v>49</v>
      </c>
      <c r="G118" s="13">
        <v>36</v>
      </c>
      <c r="H118" s="13">
        <v>98</v>
      </c>
    </row>
    <row r="119" spans="2:8" ht="15" customHeight="1">
      <c r="B119" s="7" t="s">
        <v>79</v>
      </c>
      <c r="C119" s="12">
        <v>0</v>
      </c>
      <c r="D119" s="12">
        <v>0</v>
      </c>
      <c r="E119" s="12">
        <v>0</v>
      </c>
      <c r="F119" s="12">
        <v>0</v>
      </c>
      <c r="G119" s="12">
        <v>0</v>
      </c>
      <c r="H119" s="12">
        <v>0</v>
      </c>
    </row>
    <row r="120" spans="2:8" ht="15" customHeight="1">
      <c r="B120" s="16" t="s">
        <v>80</v>
      </c>
      <c r="C120" s="17">
        <v>136</v>
      </c>
      <c r="D120" s="17">
        <v>410</v>
      </c>
      <c r="E120" s="17">
        <v>135</v>
      </c>
      <c r="F120" s="17">
        <v>411</v>
      </c>
      <c r="G120" s="17">
        <v>271</v>
      </c>
      <c r="H120" s="17">
        <v>821</v>
      </c>
    </row>
    <row r="121" spans="2:8" ht="15" customHeight="1">
      <c r="B121" s="14" t="s">
        <v>76</v>
      </c>
      <c r="C121" s="15">
        <v>136</v>
      </c>
      <c r="D121" s="15">
        <v>409</v>
      </c>
      <c r="E121" s="15">
        <v>135</v>
      </c>
      <c r="F121" s="15">
        <v>410</v>
      </c>
      <c r="G121" s="15">
        <v>271</v>
      </c>
      <c r="H121" s="15">
        <v>819</v>
      </c>
    </row>
    <row r="122" spans="2:8" ht="15" customHeight="1">
      <c r="B122" s="14" t="s">
        <v>79</v>
      </c>
      <c r="C122" s="15">
        <v>0</v>
      </c>
      <c r="D122" s="15">
        <v>1</v>
      </c>
      <c r="E122" s="15">
        <v>0</v>
      </c>
      <c r="F122" s="15">
        <v>1</v>
      </c>
      <c r="G122" s="15">
        <v>0</v>
      </c>
      <c r="H122" s="15">
        <v>2</v>
      </c>
    </row>
    <row r="123" spans="2:8" ht="15" customHeight="1">
      <c r="B123" s="5" t="s">
        <v>32</v>
      </c>
      <c r="C123" s="11">
        <v>1509</v>
      </c>
      <c r="D123" s="11">
        <v>4530</v>
      </c>
      <c r="E123" s="11">
        <v>1504</v>
      </c>
      <c r="F123" s="11">
        <v>4525</v>
      </c>
      <c r="G123" s="11">
        <v>3013</v>
      </c>
      <c r="H123" s="11">
        <v>9055</v>
      </c>
    </row>
    <row r="124" spans="2:8" ht="15" customHeight="1">
      <c r="B124" s="16" t="s">
        <v>75</v>
      </c>
      <c r="C124" s="17">
        <v>934</v>
      </c>
      <c r="D124" s="17">
        <v>2844</v>
      </c>
      <c r="E124" s="17">
        <v>938</v>
      </c>
      <c r="F124" s="17">
        <v>2845</v>
      </c>
      <c r="G124" s="17">
        <v>1872</v>
      </c>
      <c r="H124" s="17">
        <v>5689</v>
      </c>
    </row>
    <row r="125" spans="2:8" ht="15" customHeight="1">
      <c r="B125" s="14" t="s">
        <v>76</v>
      </c>
      <c r="C125" s="12">
        <v>829</v>
      </c>
      <c r="D125" s="12">
        <v>2529</v>
      </c>
      <c r="E125" s="12">
        <v>825</v>
      </c>
      <c r="F125" s="12">
        <v>2506</v>
      </c>
      <c r="G125" s="12">
        <v>1654</v>
      </c>
      <c r="H125" s="12">
        <v>5035</v>
      </c>
    </row>
    <row r="126" spans="2:8" ht="15" customHeight="1">
      <c r="B126" s="9" t="s">
        <v>77</v>
      </c>
      <c r="C126" s="13">
        <v>722</v>
      </c>
      <c r="D126" s="13">
        <v>2200</v>
      </c>
      <c r="E126" s="13">
        <v>715</v>
      </c>
      <c r="F126" s="13">
        <v>2164</v>
      </c>
      <c r="G126" s="13">
        <v>1437</v>
      </c>
      <c r="H126" s="13">
        <v>4364</v>
      </c>
    </row>
    <row r="127" spans="2:8" ht="15" customHeight="1">
      <c r="B127" s="9" t="s">
        <v>78</v>
      </c>
      <c r="C127" s="13">
        <v>107</v>
      </c>
      <c r="D127" s="13">
        <v>329</v>
      </c>
      <c r="E127" s="13">
        <v>110</v>
      </c>
      <c r="F127" s="13">
        <v>342</v>
      </c>
      <c r="G127" s="13">
        <v>217</v>
      </c>
      <c r="H127" s="13">
        <v>671</v>
      </c>
    </row>
    <row r="128" spans="2:8" ht="15" customHeight="1">
      <c r="B128" s="7" t="s">
        <v>79</v>
      </c>
      <c r="C128" s="12">
        <v>105</v>
      </c>
      <c r="D128" s="12">
        <v>315</v>
      </c>
      <c r="E128" s="12">
        <v>113</v>
      </c>
      <c r="F128" s="12">
        <v>339</v>
      </c>
      <c r="G128" s="12">
        <v>218</v>
      </c>
      <c r="H128" s="12">
        <v>654</v>
      </c>
    </row>
    <row r="129" spans="2:8" ht="15" customHeight="1">
      <c r="B129" s="16" t="s">
        <v>80</v>
      </c>
      <c r="C129" s="17">
        <v>575</v>
      </c>
      <c r="D129" s="17">
        <v>1686</v>
      </c>
      <c r="E129" s="17">
        <v>566</v>
      </c>
      <c r="F129" s="17">
        <v>1680</v>
      </c>
      <c r="G129" s="17">
        <v>1141</v>
      </c>
      <c r="H129" s="17">
        <v>3366</v>
      </c>
    </row>
    <row r="130" spans="2:8" ht="15" customHeight="1">
      <c r="B130" s="14" t="s">
        <v>76</v>
      </c>
      <c r="C130" s="15">
        <v>509</v>
      </c>
      <c r="D130" s="15">
        <v>1486</v>
      </c>
      <c r="E130" s="15">
        <v>496</v>
      </c>
      <c r="F130" s="15">
        <v>1479</v>
      </c>
      <c r="G130" s="15">
        <v>1005</v>
      </c>
      <c r="H130" s="15">
        <v>2965</v>
      </c>
    </row>
    <row r="131" spans="2:8" ht="15" customHeight="1">
      <c r="B131" s="14" t="s">
        <v>79</v>
      </c>
      <c r="C131" s="15">
        <v>66</v>
      </c>
      <c r="D131" s="15">
        <v>200</v>
      </c>
      <c r="E131" s="15">
        <v>70</v>
      </c>
      <c r="F131" s="15">
        <v>201</v>
      </c>
      <c r="G131" s="15">
        <v>136</v>
      </c>
      <c r="H131" s="15">
        <v>401</v>
      </c>
    </row>
    <row r="132" spans="2:8" ht="15" customHeight="1">
      <c r="B132" s="5" t="s">
        <v>33</v>
      </c>
      <c r="C132" s="11">
        <v>869</v>
      </c>
      <c r="D132" s="11">
        <v>2736</v>
      </c>
      <c r="E132" s="11">
        <v>870</v>
      </c>
      <c r="F132" s="11">
        <v>2735</v>
      </c>
      <c r="G132" s="11">
        <v>1739</v>
      </c>
      <c r="H132" s="11">
        <v>5471</v>
      </c>
    </row>
    <row r="133" spans="2:8" ht="15" customHeight="1">
      <c r="B133" s="16" t="s">
        <v>75</v>
      </c>
      <c r="C133" s="17">
        <v>612</v>
      </c>
      <c r="D133" s="17">
        <v>1945</v>
      </c>
      <c r="E133" s="17">
        <v>660</v>
      </c>
      <c r="F133" s="17">
        <v>2020</v>
      </c>
      <c r="G133" s="17">
        <v>1272</v>
      </c>
      <c r="H133" s="17">
        <v>3965</v>
      </c>
    </row>
    <row r="134" spans="2:8" ht="15" customHeight="1">
      <c r="B134" s="14" t="s">
        <v>76</v>
      </c>
      <c r="C134" s="12">
        <v>589</v>
      </c>
      <c r="D134" s="12">
        <v>1881</v>
      </c>
      <c r="E134" s="12">
        <v>637</v>
      </c>
      <c r="F134" s="12">
        <v>1956</v>
      </c>
      <c r="G134" s="12">
        <v>1226</v>
      </c>
      <c r="H134" s="12">
        <v>3837</v>
      </c>
    </row>
    <row r="135" spans="2:8" ht="15" customHeight="1">
      <c r="B135" s="9" t="s">
        <v>77</v>
      </c>
      <c r="C135" s="13">
        <v>589</v>
      </c>
      <c r="D135" s="13">
        <v>1881</v>
      </c>
      <c r="E135" s="13">
        <v>637</v>
      </c>
      <c r="F135" s="13">
        <v>1956</v>
      </c>
      <c r="G135" s="13">
        <v>1226</v>
      </c>
      <c r="H135" s="13">
        <v>3837</v>
      </c>
    </row>
    <row r="136" spans="2:8" ht="15" customHeight="1">
      <c r="B136" s="9" t="s">
        <v>78</v>
      </c>
      <c r="C136" s="13">
        <v>0</v>
      </c>
      <c r="D136" s="13">
        <v>0</v>
      </c>
      <c r="E136" s="13">
        <v>0</v>
      </c>
      <c r="F136" s="13">
        <v>0</v>
      </c>
      <c r="G136" s="13">
        <v>0</v>
      </c>
      <c r="H136" s="13">
        <v>0</v>
      </c>
    </row>
    <row r="137" spans="2:8" ht="15" customHeight="1">
      <c r="B137" s="7" t="s">
        <v>79</v>
      </c>
      <c r="C137" s="12">
        <v>23</v>
      </c>
      <c r="D137" s="12">
        <v>64</v>
      </c>
      <c r="E137" s="12">
        <v>23</v>
      </c>
      <c r="F137" s="12">
        <v>64</v>
      </c>
      <c r="G137" s="12">
        <v>46</v>
      </c>
      <c r="H137" s="12">
        <v>128</v>
      </c>
    </row>
    <row r="138" spans="2:8" ht="15" customHeight="1">
      <c r="B138" s="16" t="s">
        <v>80</v>
      </c>
      <c r="C138" s="17">
        <v>257</v>
      </c>
      <c r="D138" s="17">
        <v>791</v>
      </c>
      <c r="E138" s="17">
        <v>210</v>
      </c>
      <c r="F138" s="17">
        <v>715</v>
      </c>
      <c r="G138" s="17">
        <v>467</v>
      </c>
      <c r="H138" s="17">
        <v>1506</v>
      </c>
    </row>
    <row r="139" spans="2:8" ht="15" customHeight="1">
      <c r="B139" s="14" t="s">
        <v>76</v>
      </c>
      <c r="C139" s="15">
        <v>199</v>
      </c>
      <c r="D139" s="15">
        <v>650</v>
      </c>
      <c r="E139" s="15">
        <v>150</v>
      </c>
      <c r="F139" s="15">
        <v>570</v>
      </c>
      <c r="G139" s="15">
        <v>349</v>
      </c>
      <c r="H139" s="15">
        <v>1220</v>
      </c>
    </row>
    <row r="140" spans="2:8" ht="15" customHeight="1">
      <c r="B140" s="14" t="s">
        <v>79</v>
      </c>
      <c r="C140" s="15">
        <v>58</v>
      </c>
      <c r="D140" s="15">
        <v>141</v>
      </c>
      <c r="E140" s="15">
        <v>60</v>
      </c>
      <c r="F140" s="15">
        <v>145</v>
      </c>
      <c r="G140" s="15">
        <v>118</v>
      </c>
      <c r="H140" s="15">
        <v>286</v>
      </c>
    </row>
    <row r="141" spans="2:8" ht="15" customHeight="1">
      <c r="B141" s="5" t="s">
        <v>34</v>
      </c>
      <c r="C141" s="11">
        <v>2863</v>
      </c>
      <c r="D141" s="11">
        <v>7754</v>
      </c>
      <c r="E141" s="11">
        <v>2901</v>
      </c>
      <c r="F141" s="11">
        <v>7804</v>
      </c>
      <c r="G141" s="11">
        <v>5764</v>
      </c>
      <c r="H141" s="11">
        <v>15558</v>
      </c>
    </row>
    <row r="142" spans="2:8" ht="15" customHeight="1">
      <c r="B142" s="16" t="s">
        <v>75</v>
      </c>
      <c r="C142" s="17">
        <v>1282</v>
      </c>
      <c r="D142" s="17">
        <v>3551</v>
      </c>
      <c r="E142" s="17">
        <v>1282</v>
      </c>
      <c r="F142" s="17">
        <v>3565</v>
      </c>
      <c r="G142" s="17">
        <v>2564</v>
      </c>
      <c r="H142" s="17">
        <v>7116</v>
      </c>
    </row>
    <row r="143" spans="2:8" ht="15" customHeight="1">
      <c r="B143" s="14" t="s">
        <v>76</v>
      </c>
      <c r="C143" s="12">
        <v>1282</v>
      </c>
      <c r="D143" s="12">
        <v>3551</v>
      </c>
      <c r="E143" s="12">
        <v>1282</v>
      </c>
      <c r="F143" s="12">
        <v>3565</v>
      </c>
      <c r="G143" s="12">
        <v>2564</v>
      </c>
      <c r="H143" s="12">
        <v>7116</v>
      </c>
    </row>
    <row r="144" spans="2:8" ht="15" customHeight="1">
      <c r="B144" s="9" t="s">
        <v>77</v>
      </c>
      <c r="C144" s="13">
        <v>1220</v>
      </c>
      <c r="D144" s="13">
        <v>3374</v>
      </c>
      <c r="E144" s="13">
        <v>1220</v>
      </c>
      <c r="F144" s="13">
        <v>3388</v>
      </c>
      <c r="G144" s="13">
        <v>2440</v>
      </c>
      <c r="H144" s="13">
        <v>6762</v>
      </c>
    </row>
    <row r="145" spans="2:8" ht="15" customHeight="1">
      <c r="B145" s="9" t="s">
        <v>78</v>
      </c>
      <c r="C145" s="13">
        <v>62</v>
      </c>
      <c r="D145" s="13">
        <v>177</v>
      </c>
      <c r="E145" s="13">
        <v>62</v>
      </c>
      <c r="F145" s="13">
        <v>177</v>
      </c>
      <c r="G145" s="13">
        <v>124</v>
      </c>
      <c r="H145" s="13">
        <v>354</v>
      </c>
    </row>
    <row r="146" spans="2:8" ht="15" customHeight="1">
      <c r="B146" s="7" t="s">
        <v>79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</row>
    <row r="147" spans="2:8" ht="15" customHeight="1">
      <c r="B147" s="16" t="s">
        <v>80</v>
      </c>
      <c r="C147" s="17">
        <v>1581</v>
      </c>
      <c r="D147" s="17">
        <v>4203</v>
      </c>
      <c r="E147" s="17">
        <v>1619</v>
      </c>
      <c r="F147" s="17">
        <v>4239</v>
      </c>
      <c r="G147" s="17">
        <v>3200</v>
      </c>
      <c r="H147" s="17">
        <v>8442</v>
      </c>
    </row>
    <row r="148" spans="2:8" ht="15" customHeight="1">
      <c r="B148" s="14" t="s">
        <v>76</v>
      </c>
      <c r="C148" s="15">
        <v>1578</v>
      </c>
      <c r="D148" s="15">
        <v>4196</v>
      </c>
      <c r="E148" s="15">
        <v>1616</v>
      </c>
      <c r="F148" s="15">
        <v>4233</v>
      </c>
      <c r="G148" s="15">
        <v>3194</v>
      </c>
      <c r="H148" s="15">
        <v>8429</v>
      </c>
    </row>
    <row r="149" spans="2:8" ht="15" customHeight="1">
      <c r="B149" s="14" t="s">
        <v>79</v>
      </c>
      <c r="C149" s="15">
        <v>3</v>
      </c>
      <c r="D149" s="15">
        <v>7</v>
      </c>
      <c r="E149" s="15">
        <v>3</v>
      </c>
      <c r="F149" s="15">
        <v>6</v>
      </c>
      <c r="G149" s="15">
        <v>6</v>
      </c>
      <c r="H149" s="15">
        <v>13</v>
      </c>
    </row>
    <row r="150" spans="2:8" ht="15" customHeight="1">
      <c r="B150" s="5" t="s">
        <v>35</v>
      </c>
      <c r="C150" s="11">
        <v>142</v>
      </c>
      <c r="D150" s="11">
        <v>409</v>
      </c>
      <c r="E150" s="11">
        <v>143</v>
      </c>
      <c r="F150" s="11">
        <v>409</v>
      </c>
      <c r="G150" s="11">
        <v>285</v>
      </c>
      <c r="H150" s="11">
        <v>818</v>
      </c>
    </row>
    <row r="151" spans="2:8" ht="15" customHeight="1">
      <c r="B151" s="16" t="s">
        <v>75</v>
      </c>
      <c r="C151" s="17">
        <v>95</v>
      </c>
      <c r="D151" s="17">
        <v>274</v>
      </c>
      <c r="E151" s="17">
        <v>95</v>
      </c>
      <c r="F151" s="17">
        <v>274</v>
      </c>
      <c r="G151" s="17">
        <v>190</v>
      </c>
      <c r="H151" s="17">
        <v>548</v>
      </c>
    </row>
    <row r="152" spans="2:8" ht="15" customHeight="1">
      <c r="B152" s="14" t="s">
        <v>76</v>
      </c>
      <c r="C152" s="12">
        <v>95</v>
      </c>
      <c r="D152" s="12">
        <v>274</v>
      </c>
      <c r="E152" s="12">
        <v>95</v>
      </c>
      <c r="F152" s="12">
        <v>274</v>
      </c>
      <c r="G152" s="12">
        <v>190</v>
      </c>
      <c r="H152" s="12">
        <v>548</v>
      </c>
    </row>
    <row r="153" spans="2:8" ht="15" customHeight="1">
      <c r="B153" s="9" t="s">
        <v>77</v>
      </c>
      <c r="C153" s="13">
        <v>95</v>
      </c>
      <c r="D153" s="13">
        <v>274</v>
      </c>
      <c r="E153" s="13">
        <v>95</v>
      </c>
      <c r="F153" s="13">
        <v>274</v>
      </c>
      <c r="G153" s="13">
        <v>190</v>
      </c>
      <c r="H153" s="13">
        <v>548</v>
      </c>
    </row>
    <row r="154" spans="2:8" ht="15" customHeight="1">
      <c r="B154" s="9" t="s">
        <v>78</v>
      </c>
      <c r="C154" s="13">
        <v>0</v>
      </c>
      <c r="D154" s="13">
        <v>0</v>
      </c>
      <c r="E154" s="13">
        <v>0</v>
      </c>
      <c r="F154" s="13">
        <v>0</v>
      </c>
      <c r="G154" s="13">
        <v>0</v>
      </c>
      <c r="H154" s="13">
        <v>0</v>
      </c>
    </row>
    <row r="155" spans="2:8" ht="15" customHeight="1">
      <c r="B155" s="7" t="s">
        <v>79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</row>
    <row r="156" spans="2:8" ht="15" customHeight="1">
      <c r="B156" s="16" t="s">
        <v>80</v>
      </c>
      <c r="C156" s="17">
        <v>47</v>
      </c>
      <c r="D156" s="17">
        <v>135</v>
      </c>
      <c r="E156" s="17">
        <v>48</v>
      </c>
      <c r="F156" s="17">
        <v>135</v>
      </c>
      <c r="G156" s="17">
        <v>95</v>
      </c>
      <c r="H156" s="17">
        <v>270</v>
      </c>
    </row>
    <row r="157" spans="2:8" ht="15" customHeight="1">
      <c r="B157" s="14" t="s">
        <v>76</v>
      </c>
      <c r="C157" s="15">
        <v>47</v>
      </c>
      <c r="D157" s="15">
        <v>135</v>
      </c>
      <c r="E157" s="15">
        <v>48</v>
      </c>
      <c r="F157" s="15">
        <v>135</v>
      </c>
      <c r="G157" s="15">
        <v>95</v>
      </c>
      <c r="H157" s="15">
        <v>270</v>
      </c>
    </row>
    <row r="158" spans="2:8" ht="15" customHeight="1">
      <c r="B158" s="14" t="s">
        <v>79</v>
      </c>
      <c r="C158" s="15">
        <v>0</v>
      </c>
      <c r="D158" s="15">
        <v>0</v>
      </c>
      <c r="E158" s="15">
        <v>0</v>
      </c>
      <c r="F158" s="15">
        <v>0</v>
      </c>
      <c r="G158" s="15">
        <v>0</v>
      </c>
      <c r="H158" s="15">
        <v>0</v>
      </c>
    </row>
    <row r="159" spans="2:8" ht="15" customHeight="1">
      <c r="B159" s="5" t="s">
        <v>36</v>
      </c>
      <c r="C159" s="11">
        <v>339</v>
      </c>
      <c r="D159" s="11">
        <v>1273</v>
      </c>
      <c r="E159" s="11">
        <v>333</v>
      </c>
      <c r="F159" s="11">
        <v>1280</v>
      </c>
      <c r="G159" s="11">
        <v>672</v>
      </c>
      <c r="H159" s="11">
        <v>2553</v>
      </c>
    </row>
    <row r="160" spans="2:8" ht="15" customHeight="1">
      <c r="B160" s="16" t="s">
        <v>75</v>
      </c>
      <c r="C160" s="17">
        <v>203</v>
      </c>
      <c r="D160" s="17">
        <v>787</v>
      </c>
      <c r="E160" s="17">
        <v>203</v>
      </c>
      <c r="F160" s="17">
        <v>788</v>
      </c>
      <c r="G160" s="17">
        <v>406</v>
      </c>
      <c r="H160" s="17">
        <v>1575</v>
      </c>
    </row>
    <row r="161" spans="2:8" ht="15" customHeight="1">
      <c r="B161" s="14" t="s">
        <v>76</v>
      </c>
      <c r="C161" s="12">
        <v>203</v>
      </c>
      <c r="D161" s="12">
        <v>787</v>
      </c>
      <c r="E161" s="12">
        <v>203</v>
      </c>
      <c r="F161" s="12">
        <v>788</v>
      </c>
      <c r="G161" s="12">
        <v>406</v>
      </c>
      <c r="H161" s="12">
        <v>1575</v>
      </c>
    </row>
    <row r="162" spans="2:8" ht="15" customHeight="1">
      <c r="B162" s="9" t="s">
        <v>77</v>
      </c>
      <c r="C162" s="13">
        <v>203</v>
      </c>
      <c r="D162" s="13">
        <v>787</v>
      </c>
      <c r="E162" s="13">
        <v>203</v>
      </c>
      <c r="F162" s="13">
        <v>788</v>
      </c>
      <c r="G162" s="13">
        <v>406</v>
      </c>
      <c r="H162" s="13">
        <v>1575</v>
      </c>
    </row>
    <row r="163" spans="2:8" ht="15" customHeight="1">
      <c r="B163" s="9" t="s">
        <v>78</v>
      </c>
      <c r="C163" s="13">
        <v>0</v>
      </c>
      <c r="D163" s="13">
        <v>0</v>
      </c>
      <c r="E163" s="13">
        <v>0</v>
      </c>
      <c r="F163" s="13">
        <v>0</v>
      </c>
      <c r="G163" s="13">
        <v>0</v>
      </c>
      <c r="H163" s="13">
        <v>0</v>
      </c>
    </row>
    <row r="164" spans="2:8" ht="15" customHeight="1">
      <c r="B164" s="7" t="s">
        <v>79</v>
      </c>
      <c r="C164" s="12">
        <v>0</v>
      </c>
      <c r="D164" s="12">
        <v>0</v>
      </c>
      <c r="E164" s="12">
        <v>0</v>
      </c>
      <c r="F164" s="12">
        <v>0</v>
      </c>
      <c r="G164" s="12">
        <v>0</v>
      </c>
      <c r="H164" s="12">
        <v>0</v>
      </c>
    </row>
    <row r="165" spans="2:8" ht="15" customHeight="1">
      <c r="B165" s="16" t="s">
        <v>80</v>
      </c>
      <c r="C165" s="17">
        <v>136</v>
      </c>
      <c r="D165" s="17">
        <v>486</v>
      </c>
      <c r="E165" s="17">
        <v>130</v>
      </c>
      <c r="F165" s="17">
        <v>492</v>
      </c>
      <c r="G165" s="17">
        <v>266</v>
      </c>
      <c r="H165" s="17">
        <v>978</v>
      </c>
    </row>
    <row r="166" spans="2:8" ht="15" customHeight="1">
      <c r="B166" s="14" t="s">
        <v>76</v>
      </c>
      <c r="C166" s="15">
        <v>136</v>
      </c>
      <c r="D166" s="15">
        <v>481</v>
      </c>
      <c r="E166" s="15">
        <v>130</v>
      </c>
      <c r="F166" s="15">
        <v>487</v>
      </c>
      <c r="G166" s="15">
        <v>266</v>
      </c>
      <c r="H166" s="15">
        <v>968</v>
      </c>
    </row>
    <row r="167" spans="2:8" ht="15" customHeight="1">
      <c r="B167" s="14" t="s">
        <v>79</v>
      </c>
      <c r="C167" s="15">
        <v>0</v>
      </c>
      <c r="D167" s="15">
        <v>5</v>
      </c>
      <c r="E167" s="15">
        <v>0</v>
      </c>
      <c r="F167" s="15">
        <v>5</v>
      </c>
      <c r="G167" s="15">
        <v>0</v>
      </c>
      <c r="H167" s="15">
        <v>10</v>
      </c>
    </row>
    <row r="168" spans="2:8" ht="15" customHeight="1">
      <c r="B168" s="5" t="s">
        <v>37</v>
      </c>
      <c r="C168" s="11">
        <v>229</v>
      </c>
      <c r="D168" s="11">
        <v>649</v>
      </c>
      <c r="E168" s="11">
        <v>229</v>
      </c>
      <c r="F168" s="11">
        <v>649</v>
      </c>
      <c r="G168" s="11">
        <v>458</v>
      </c>
      <c r="H168" s="11">
        <v>1298</v>
      </c>
    </row>
    <row r="169" spans="2:8" ht="15" customHeight="1">
      <c r="B169" s="16" t="s">
        <v>75</v>
      </c>
      <c r="C169" s="17">
        <v>103</v>
      </c>
      <c r="D169" s="17">
        <v>306</v>
      </c>
      <c r="E169" s="17">
        <v>103</v>
      </c>
      <c r="F169" s="17">
        <v>306</v>
      </c>
      <c r="G169" s="17">
        <v>206</v>
      </c>
      <c r="H169" s="17">
        <v>612</v>
      </c>
    </row>
    <row r="170" spans="2:8" ht="15" customHeight="1">
      <c r="B170" s="14" t="s">
        <v>76</v>
      </c>
      <c r="C170" s="12">
        <v>103</v>
      </c>
      <c r="D170" s="12">
        <v>306</v>
      </c>
      <c r="E170" s="12">
        <v>103</v>
      </c>
      <c r="F170" s="12">
        <v>306</v>
      </c>
      <c r="G170" s="12">
        <v>206</v>
      </c>
      <c r="H170" s="12">
        <v>612</v>
      </c>
    </row>
    <row r="171" spans="2:8" ht="15" customHeight="1">
      <c r="B171" s="9" t="s">
        <v>77</v>
      </c>
      <c r="C171" s="13">
        <v>103</v>
      </c>
      <c r="D171" s="13">
        <v>306</v>
      </c>
      <c r="E171" s="13">
        <v>103</v>
      </c>
      <c r="F171" s="13">
        <v>306</v>
      </c>
      <c r="G171" s="13">
        <v>206</v>
      </c>
      <c r="H171" s="13">
        <v>612</v>
      </c>
    </row>
    <row r="172" spans="2:8" ht="15" customHeight="1">
      <c r="B172" s="9" t="s">
        <v>78</v>
      </c>
      <c r="C172" s="13">
        <v>0</v>
      </c>
      <c r="D172" s="13">
        <v>0</v>
      </c>
      <c r="E172" s="13">
        <v>0</v>
      </c>
      <c r="F172" s="13">
        <v>0</v>
      </c>
      <c r="G172" s="13">
        <v>0</v>
      </c>
      <c r="H172" s="13">
        <v>0</v>
      </c>
    </row>
    <row r="173" spans="2:8" ht="15" customHeight="1">
      <c r="B173" s="7" t="s">
        <v>79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</row>
    <row r="174" spans="2:8" ht="15" customHeight="1">
      <c r="B174" s="16" t="s">
        <v>80</v>
      </c>
      <c r="C174" s="17">
        <v>126</v>
      </c>
      <c r="D174" s="17">
        <v>343</v>
      </c>
      <c r="E174" s="17">
        <v>126</v>
      </c>
      <c r="F174" s="17">
        <v>343</v>
      </c>
      <c r="G174" s="17">
        <v>252</v>
      </c>
      <c r="H174" s="17">
        <v>686</v>
      </c>
    </row>
    <row r="175" spans="2:8" ht="15" customHeight="1">
      <c r="B175" s="14" t="s">
        <v>76</v>
      </c>
      <c r="C175" s="15">
        <v>126</v>
      </c>
      <c r="D175" s="15">
        <v>343</v>
      </c>
      <c r="E175" s="15">
        <v>126</v>
      </c>
      <c r="F175" s="15">
        <v>343</v>
      </c>
      <c r="G175" s="15">
        <v>252</v>
      </c>
      <c r="H175" s="15">
        <v>686</v>
      </c>
    </row>
    <row r="176" spans="2:8" ht="15" customHeight="1">
      <c r="B176" s="14" t="s">
        <v>79</v>
      </c>
      <c r="C176" s="15">
        <v>0</v>
      </c>
      <c r="D176" s="15">
        <v>0</v>
      </c>
      <c r="E176" s="15">
        <v>0</v>
      </c>
      <c r="F176" s="15">
        <v>0</v>
      </c>
      <c r="G176" s="15">
        <v>0</v>
      </c>
      <c r="H176" s="15">
        <v>0</v>
      </c>
    </row>
    <row r="177" spans="2:8" ht="15" customHeight="1">
      <c r="B177" s="5" t="s">
        <v>38</v>
      </c>
      <c r="C177" s="11">
        <v>278</v>
      </c>
      <c r="D177" s="11">
        <v>857</v>
      </c>
      <c r="E177" s="11">
        <v>278</v>
      </c>
      <c r="F177" s="11">
        <v>848</v>
      </c>
      <c r="G177" s="11">
        <v>556</v>
      </c>
      <c r="H177" s="11">
        <v>1705</v>
      </c>
    </row>
    <row r="178" spans="2:8" ht="15" customHeight="1">
      <c r="B178" s="16" t="s">
        <v>75</v>
      </c>
      <c r="C178" s="17">
        <v>0</v>
      </c>
      <c r="D178" s="17">
        <v>0</v>
      </c>
      <c r="E178" s="17">
        <v>0</v>
      </c>
      <c r="F178" s="17">
        <v>0</v>
      </c>
      <c r="G178" s="17">
        <v>0</v>
      </c>
      <c r="H178" s="17">
        <v>0</v>
      </c>
    </row>
    <row r="179" spans="2:8" ht="15" customHeight="1">
      <c r="B179" s="14" t="s">
        <v>76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</row>
    <row r="180" spans="2:8" ht="15" customHeight="1">
      <c r="B180" s="9" t="s">
        <v>77</v>
      </c>
      <c r="C180" s="13">
        <v>0</v>
      </c>
      <c r="D180" s="13">
        <v>0</v>
      </c>
      <c r="E180" s="13">
        <v>0</v>
      </c>
      <c r="F180" s="13">
        <v>0</v>
      </c>
      <c r="G180" s="13">
        <v>0</v>
      </c>
      <c r="H180" s="13">
        <v>0</v>
      </c>
    </row>
    <row r="181" spans="2:8" ht="15" customHeight="1">
      <c r="B181" s="9" t="s">
        <v>78</v>
      </c>
      <c r="C181" s="13">
        <v>0</v>
      </c>
      <c r="D181" s="13">
        <v>0</v>
      </c>
      <c r="E181" s="13">
        <v>0</v>
      </c>
      <c r="F181" s="13">
        <v>0</v>
      </c>
      <c r="G181" s="13">
        <v>0</v>
      </c>
      <c r="H181" s="13">
        <v>0</v>
      </c>
    </row>
    <row r="182" spans="2:8" ht="15" customHeight="1">
      <c r="B182" s="7" t="s">
        <v>79</v>
      </c>
      <c r="C182" s="15">
        <v>0</v>
      </c>
      <c r="D182" s="15">
        <v>0</v>
      </c>
      <c r="E182" s="15">
        <v>0</v>
      </c>
      <c r="F182" s="15">
        <v>0</v>
      </c>
      <c r="G182" s="15">
        <v>0</v>
      </c>
      <c r="H182" s="15">
        <v>0</v>
      </c>
    </row>
    <row r="183" spans="2:8" ht="15" customHeight="1">
      <c r="B183" s="16" t="s">
        <v>80</v>
      </c>
      <c r="C183" s="17">
        <v>278</v>
      </c>
      <c r="D183" s="17">
        <v>857</v>
      </c>
      <c r="E183" s="17">
        <v>278</v>
      </c>
      <c r="F183" s="17">
        <v>848</v>
      </c>
      <c r="G183" s="17">
        <v>556</v>
      </c>
      <c r="H183" s="17">
        <v>1705</v>
      </c>
    </row>
    <row r="184" spans="2:8" ht="15" customHeight="1">
      <c r="B184" s="14" t="s">
        <v>76</v>
      </c>
      <c r="C184" s="15">
        <v>278</v>
      </c>
      <c r="D184" s="15">
        <v>857</v>
      </c>
      <c r="E184" s="15">
        <v>278</v>
      </c>
      <c r="F184" s="15">
        <v>848</v>
      </c>
      <c r="G184" s="15">
        <v>556</v>
      </c>
      <c r="H184" s="15">
        <v>1705</v>
      </c>
    </row>
    <row r="185" spans="2:8" ht="15" customHeight="1">
      <c r="B185" s="14" t="s">
        <v>79</v>
      </c>
      <c r="C185" s="15">
        <v>0</v>
      </c>
      <c r="D185" s="15">
        <v>0</v>
      </c>
      <c r="E185" s="15">
        <v>0</v>
      </c>
      <c r="F185" s="15">
        <v>0</v>
      </c>
      <c r="G185" s="15">
        <v>0</v>
      </c>
      <c r="H185" s="15">
        <v>0</v>
      </c>
    </row>
    <row r="186" spans="2:8" ht="15" customHeight="1">
      <c r="B186" s="5" t="s">
        <v>39</v>
      </c>
      <c r="C186" s="11">
        <v>542</v>
      </c>
      <c r="D186" s="11">
        <v>1778</v>
      </c>
      <c r="E186" s="11">
        <v>544</v>
      </c>
      <c r="F186" s="11">
        <v>1778</v>
      </c>
      <c r="G186" s="11">
        <v>1086</v>
      </c>
      <c r="H186" s="11">
        <v>3556</v>
      </c>
    </row>
    <row r="187" spans="2:8" ht="15" customHeight="1">
      <c r="B187" s="16" t="s">
        <v>75</v>
      </c>
      <c r="C187" s="17">
        <v>398</v>
      </c>
      <c r="D187" s="17">
        <v>1350</v>
      </c>
      <c r="E187" s="17">
        <v>396</v>
      </c>
      <c r="F187" s="17">
        <v>1349</v>
      </c>
      <c r="G187" s="17">
        <v>794</v>
      </c>
      <c r="H187" s="17">
        <v>2699</v>
      </c>
    </row>
    <row r="188" spans="2:8" ht="15" customHeight="1">
      <c r="B188" s="14" t="s">
        <v>76</v>
      </c>
      <c r="C188" s="12">
        <v>393</v>
      </c>
      <c r="D188" s="12">
        <v>1337</v>
      </c>
      <c r="E188" s="12">
        <v>391</v>
      </c>
      <c r="F188" s="12">
        <v>1336</v>
      </c>
      <c r="G188" s="12">
        <v>784</v>
      </c>
      <c r="H188" s="12">
        <v>2673</v>
      </c>
    </row>
    <row r="189" spans="2:8" ht="15" customHeight="1">
      <c r="B189" s="9" t="s">
        <v>77</v>
      </c>
      <c r="C189" s="13">
        <v>393</v>
      </c>
      <c r="D189" s="13">
        <v>1337</v>
      </c>
      <c r="E189" s="13">
        <v>391</v>
      </c>
      <c r="F189" s="13">
        <v>1336</v>
      </c>
      <c r="G189" s="13">
        <v>784</v>
      </c>
      <c r="H189" s="13">
        <v>2673</v>
      </c>
    </row>
    <row r="190" spans="2:8" ht="15" customHeight="1">
      <c r="B190" s="9" t="s">
        <v>78</v>
      </c>
      <c r="C190" s="13">
        <v>0</v>
      </c>
      <c r="D190" s="13">
        <v>0</v>
      </c>
      <c r="E190" s="13">
        <v>0</v>
      </c>
      <c r="F190" s="13">
        <v>0</v>
      </c>
      <c r="G190" s="13">
        <v>0</v>
      </c>
      <c r="H190" s="13">
        <v>0</v>
      </c>
    </row>
    <row r="191" spans="2:8" ht="15" customHeight="1">
      <c r="B191" s="7" t="s">
        <v>79</v>
      </c>
      <c r="C191" s="12">
        <v>5</v>
      </c>
      <c r="D191" s="12">
        <v>13</v>
      </c>
      <c r="E191" s="12">
        <v>5</v>
      </c>
      <c r="F191" s="12">
        <v>13</v>
      </c>
      <c r="G191" s="12">
        <v>10</v>
      </c>
      <c r="H191" s="12">
        <v>26</v>
      </c>
    </row>
    <row r="192" spans="2:8" ht="15" customHeight="1">
      <c r="B192" s="16" t="s">
        <v>80</v>
      </c>
      <c r="C192" s="17">
        <v>144</v>
      </c>
      <c r="D192" s="17">
        <v>428</v>
      </c>
      <c r="E192" s="17">
        <v>148</v>
      </c>
      <c r="F192" s="17">
        <v>429</v>
      </c>
      <c r="G192" s="17">
        <v>292</v>
      </c>
      <c r="H192" s="17">
        <v>857</v>
      </c>
    </row>
    <row r="193" spans="2:8" ht="15" customHeight="1">
      <c r="B193" s="14" t="s">
        <v>76</v>
      </c>
      <c r="C193" s="15">
        <v>144</v>
      </c>
      <c r="D193" s="15">
        <v>428</v>
      </c>
      <c r="E193" s="15">
        <v>148</v>
      </c>
      <c r="F193" s="15">
        <v>429</v>
      </c>
      <c r="G193" s="15">
        <v>292</v>
      </c>
      <c r="H193" s="15">
        <v>857</v>
      </c>
    </row>
    <row r="194" spans="2:8" ht="15" customHeight="1">
      <c r="B194" s="14" t="s">
        <v>79</v>
      </c>
      <c r="C194" s="15">
        <v>0</v>
      </c>
      <c r="D194" s="15">
        <v>0</v>
      </c>
      <c r="E194" s="15">
        <v>0</v>
      </c>
      <c r="F194" s="15">
        <v>0</v>
      </c>
      <c r="G194" s="15">
        <v>0</v>
      </c>
      <c r="H194" s="15">
        <v>0</v>
      </c>
    </row>
    <row r="195" spans="2:8" ht="15" customHeight="1">
      <c r="B195" s="5" t="s">
        <v>40</v>
      </c>
      <c r="C195" s="11">
        <v>2697</v>
      </c>
      <c r="D195" s="11">
        <v>8139</v>
      </c>
      <c r="E195" s="11">
        <v>2705</v>
      </c>
      <c r="F195" s="11">
        <v>8148</v>
      </c>
      <c r="G195" s="11">
        <v>5402</v>
      </c>
      <c r="H195" s="11">
        <v>16287</v>
      </c>
    </row>
    <row r="196" spans="2:8" ht="15" customHeight="1">
      <c r="B196" s="16" t="s">
        <v>75</v>
      </c>
      <c r="C196" s="17">
        <v>0</v>
      </c>
      <c r="D196" s="17">
        <v>0</v>
      </c>
      <c r="E196" s="17">
        <v>0</v>
      </c>
      <c r="F196" s="17">
        <v>0</v>
      </c>
      <c r="G196" s="17">
        <v>0</v>
      </c>
      <c r="H196" s="17">
        <v>0</v>
      </c>
    </row>
    <row r="197" spans="2:8" ht="15" customHeight="1">
      <c r="B197" s="14" t="s">
        <v>76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</row>
    <row r="198" spans="2:8" ht="15" customHeight="1">
      <c r="B198" s="9" t="s">
        <v>77</v>
      </c>
      <c r="C198" s="13">
        <v>0</v>
      </c>
      <c r="D198" s="13">
        <v>0</v>
      </c>
      <c r="E198" s="13">
        <v>0</v>
      </c>
      <c r="F198" s="13">
        <v>0</v>
      </c>
      <c r="G198" s="13">
        <v>0</v>
      </c>
      <c r="H198" s="13">
        <v>0</v>
      </c>
    </row>
    <row r="199" spans="2:8" ht="15" customHeight="1">
      <c r="B199" s="9" t="s">
        <v>78</v>
      </c>
      <c r="C199" s="13">
        <v>0</v>
      </c>
      <c r="D199" s="13">
        <v>0</v>
      </c>
      <c r="E199" s="13">
        <v>0</v>
      </c>
      <c r="F199" s="13">
        <v>0</v>
      </c>
      <c r="G199" s="13">
        <v>0</v>
      </c>
      <c r="H199" s="13">
        <v>0</v>
      </c>
    </row>
    <row r="200" spans="2:8" ht="15" customHeight="1">
      <c r="B200" s="7" t="s">
        <v>79</v>
      </c>
      <c r="C200" s="12">
        <v>0</v>
      </c>
      <c r="D200" s="12">
        <v>0</v>
      </c>
      <c r="E200" s="12">
        <v>0</v>
      </c>
      <c r="F200" s="12">
        <v>0</v>
      </c>
      <c r="G200" s="12">
        <v>0</v>
      </c>
      <c r="H200" s="12">
        <v>0</v>
      </c>
    </row>
    <row r="201" spans="2:8" ht="15" customHeight="1">
      <c r="B201" s="16" t="s">
        <v>80</v>
      </c>
      <c r="C201" s="17">
        <v>2697</v>
      </c>
      <c r="D201" s="17">
        <v>8139</v>
      </c>
      <c r="E201" s="17">
        <v>2705</v>
      </c>
      <c r="F201" s="17">
        <v>8148</v>
      </c>
      <c r="G201" s="17">
        <v>5402</v>
      </c>
      <c r="H201" s="17">
        <v>16287</v>
      </c>
    </row>
    <row r="202" spans="2:8" ht="15" customHeight="1">
      <c r="B202" s="14" t="s">
        <v>76</v>
      </c>
      <c r="C202" s="15">
        <v>2695</v>
      </c>
      <c r="D202" s="15">
        <v>8132</v>
      </c>
      <c r="E202" s="15">
        <v>2703</v>
      </c>
      <c r="F202" s="15">
        <v>8141</v>
      </c>
      <c r="G202" s="15">
        <v>5398</v>
      </c>
      <c r="H202" s="15">
        <v>16273</v>
      </c>
    </row>
    <row r="203" spans="2:8" ht="15" customHeight="1">
      <c r="B203" s="14" t="s">
        <v>79</v>
      </c>
      <c r="C203" s="15">
        <v>2</v>
      </c>
      <c r="D203" s="15">
        <v>7</v>
      </c>
      <c r="E203" s="15">
        <v>2</v>
      </c>
      <c r="F203" s="15">
        <v>7</v>
      </c>
      <c r="G203" s="15">
        <v>4</v>
      </c>
      <c r="H203" s="15">
        <v>14</v>
      </c>
    </row>
    <row r="204" spans="2:8" ht="15" customHeight="1">
      <c r="B204" s="5" t="s">
        <v>41</v>
      </c>
      <c r="C204" s="11">
        <v>370</v>
      </c>
      <c r="D204" s="11">
        <v>1024</v>
      </c>
      <c r="E204" s="11">
        <v>369</v>
      </c>
      <c r="F204" s="11">
        <v>1025</v>
      </c>
      <c r="G204" s="11">
        <v>739</v>
      </c>
      <c r="H204" s="11">
        <v>2049</v>
      </c>
    </row>
    <row r="205" spans="2:8" ht="15" customHeight="1">
      <c r="B205" s="16" t="s">
        <v>75</v>
      </c>
      <c r="C205" s="17">
        <v>242</v>
      </c>
      <c r="D205" s="17">
        <v>736</v>
      </c>
      <c r="E205" s="17">
        <v>242</v>
      </c>
      <c r="F205" s="17">
        <v>739</v>
      </c>
      <c r="G205" s="17">
        <v>484</v>
      </c>
      <c r="H205" s="17">
        <v>1475</v>
      </c>
    </row>
    <row r="206" spans="2:8" ht="15" customHeight="1">
      <c r="B206" s="14" t="s">
        <v>76</v>
      </c>
      <c r="C206" s="12">
        <v>242</v>
      </c>
      <c r="D206" s="12">
        <v>736</v>
      </c>
      <c r="E206" s="12">
        <v>242</v>
      </c>
      <c r="F206" s="12">
        <v>739</v>
      </c>
      <c r="G206" s="12">
        <v>484</v>
      </c>
      <c r="H206" s="12">
        <v>1475</v>
      </c>
    </row>
    <row r="207" spans="2:8" ht="15" customHeight="1">
      <c r="B207" s="9" t="s">
        <v>77</v>
      </c>
      <c r="C207" s="13">
        <v>242</v>
      </c>
      <c r="D207" s="13">
        <v>715</v>
      </c>
      <c r="E207" s="13">
        <v>242</v>
      </c>
      <c r="F207" s="13">
        <v>718</v>
      </c>
      <c r="G207" s="13">
        <v>484</v>
      </c>
      <c r="H207" s="13">
        <v>1433</v>
      </c>
    </row>
    <row r="208" spans="2:8" ht="15" customHeight="1">
      <c r="B208" s="9" t="s">
        <v>78</v>
      </c>
      <c r="C208" s="13">
        <v>0</v>
      </c>
      <c r="D208" s="13">
        <v>21</v>
      </c>
      <c r="E208" s="13">
        <v>0</v>
      </c>
      <c r="F208" s="13">
        <v>21</v>
      </c>
      <c r="G208" s="13">
        <v>0</v>
      </c>
      <c r="H208" s="13">
        <v>42</v>
      </c>
    </row>
    <row r="209" spans="2:8" ht="15" customHeight="1">
      <c r="B209" s="7" t="s">
        <v>79</v>
      </c>
      <c r="C209" s="12">
        <v>0</v>
      </c>
      <c r="D209" s="12">
        <v>0</v>
      </c>
      <c r="E209" s="12">
        <v>0</v>
      </c>
      <c r="F209" s="12">
        <v>0</v>
      </c>
      <c r="G209" s="12">
        <v>0</v>
      </c>
      <c r="H209" s="12">
        <v>0</v>
      </c>
    </row>
    <row r="210" spans="2:8" ht="15" customHeight="1">
      <c r="B210" s="16" t="s">
        <v>80</v>
      </c>
      <c r="C210" s="17">
        <v>128</v>
      </c>
      <c r="D210" s="17">
        <v>288</v>
      </c>
      <c r="E210" s="17">
        <v>127</v>
      </c>
      <c r="F210" s="17">
        <v>286</v>
      </c>
      <c r="G210" s="17">
        <v>255</v>
      </c>
      <c r="H210" s="17">
        <v>574</v>
      </c>
    </row>
    <row r="211" spans="2:8" ht="15" customHeight="1">
      <c r="B211" s="14" t="s">
        <v>76</v>
      </c>
      <c r="C211" s="15">
        <v>128</v>
      </c>
      <c r="D211" s="15">
        <v>288</v>
      </c>
      <c r="E211" s="15">
        <v>127</v>
      </c>
      <c r="F211" s="15">
        <v>286</v>
      </c>
      <c r="G211" s="15">
        <v>255</v>
      </c>
      <c r="H211" s="15">
        <v>574</v>
      </c>
    </row>
    <row r="212" spans="2:8" ht="15" customHeight="1">
      <c r="B212" s="14" t="s">
        <v>79</v>
      </c>
      <c r="C212" s="15">
        <v>0</v>
      </c>
      <c r="D212" s="15">
        <v>0</v>
      </c>
      <c r="E212" s="15">
        <v>0</v>
      </c>
      <c r="F212" s="15">
        <v>0</v>
      </c>
      <c r="G212" s="15">
        <v>0</v>
      </c>
      <c r="H212" s="15">
        <v>0</v>
      </c>
    </row>
    <row r="213" spans="2:8" ht="15" customHeight="1">
      <c r="B213" s="5" t="s">
        <v>42</v>
      </c>
      <c r="C213" s="11">
        <v>301</v>
      </c>
      <c r="D213" s="11">
        <v>956</v>
      </c>
      <c r="E213" s="11">
        <v>304</v>
      </c>
      <c r="F213" s="11">
        <v>960</v>
      </c>
      <c r="G213" s="11">
        <v>605</v>
      </c>
      <c r="H213" s="11">
        <v>1916</v>
      </c>
    </row>
    <row r="214" spans="2:8" ht="15" customHeight="1">
      <c r="B214" s="16" t="s">
        <v>75</v>
      </c>
      <c r="C214" s="17">
        <v>216</v>
      </c>
      <c r="D214" s="17">
        <v>609</v>
      </c>
      <c r="E214" s="17">
        <v>216</v>
      </c>
      <c r="F214" s="17">
        <v>607</v>
      </c>
      <c r="G214" s="17">
        <v>432</v>
      </c>
      <c r="H214" s="17">
        <v>1216</v>
      </c>
    </row>
    <row r="215" spans="2:8" ht="15" customHeight="1">
      <c r="B215" s="14" t="s">
        <v>76</v>
      </c>
      <c r="C215" s="12">
        <v>216</v>
      </c>
      <c r="D215" s="12">
        <v>609</v>
      </c>
      <c r="E215" s="12">
        <v>216</v>
      </c>
      <c r="F215" s="12">
        <v>607</v>
      </c>
      <c r="G215" s="12">
        <v>432</v>
      </c>
      <c r="H215" s="12">
        <v>1216</v>
      </c>
    </row>
    <row r="216" spans="2:8" ht="15" customHeight="1">
      <c r="B216" s="9" t="s">
        <v>77</v>
      </c>
      <c r="C216" s="13">
        <v>216</v>
      </c>
      <c r="D216" s="13">
        <v>609</v>
      </c>
      <c r="E216" s="13">
        <v>216</v>
      </c>
      <c r="F216" s="13">
        <v>607</v>
      </c>
      <c r="G216" s="13">
        <v>432</v>
      </c>
      <c r="H216" s="13">
        <v>1216</v>
      </c>
    </row>
    <row r="217" spans="2:8" ht="15" customHeight="1">
      <c r="B217" s="9" t="s">
        <v>78</v>
      </c>
      <c r="C217" s="13">
        <v>0</v>
      </c>
      <c r="D217" s="13">
        <v>0</v>
      </c>
      <c r="E217" s="13">
        <v>0</v>
      </c>
      <c r="F217" s="13">
        <v>0</v>
      </c>
      <c r="G217" s="13">
        <v>0</v>
      </c>
      <c r="H217" s="13">
        <v>0</v>
      </c>
    </row>
    <row r="218" spans="2:8" ht="15" customHeight="1">
      <c r="B218" s="7" t="s">
        <v>79</v>
      </c>
      <c r="C218" s="12">
        <v>0</v>
      </c>
      <c r="D218" s="12">
        <v>0</v>
      </c>
      <c r="E218" s="12">
        <v>0</v>
      </c>
      <c r="F218" s="12">
        <v>0</v>
      </c>
      <c r="G218" s="12">
        <v>0</v>
      </c>
      <c r="H218" s="12">
        <v>0</v>
      </c>
    </row>
    <row r="219" spans="2:8" ht="15" customHeight="1">
      <c r="B219" s="16" t="s">
        <v>80</v>
      </c>
      <c r="C219" s="17">
        <v>85</v>
      </c>
      <c r="D219" s="17">
        <v>347</v>
      </c>
      <c r="E219" s="17">
        <v>88</v>
      </c>
      <c r="F219" s="17">
        <v>353</v>
      </c>
      <c r="G219" s="17">
        <v>173</v>
      </c>
      <c r="H219" s="17">
        <v>700</v>
      </c>
    </row>
    <row r="220" spans="2:8" ht="15" customHeight="1">
      <c r="B220" s="14" t="s">
        <v>76</v>
      </c>
      <c r="C220" s="15">
        <v>85</v>
      </c>
      <c r="D220" s="15">
        <v>347</v>
      </c>
      <c r="E220" s="15">
        <v>88</v>
      </c>
      <c r="F220" s="15">
        <v>353</v>
      </c>
      <c r="G220" s="15">
        <v>173</v>
      </c>
      <c r="H220" s="15">
        <v>700</v>
      </c>
    </row>
    <row r="221" spans="2:8" ht="15" customHeight="1">
      <c r="B221" s="14" t="s">
        <v>79</v>
      </c>
      <c r="C221" s="15">
        <v>0</v>
      </c>
      <c r="D221" s="15">
        <v>0</v>
      </c>
      <c r="E221" s="15">
        <v>0</v>
      </c>
      <c r="F221" s="15">
        <v>0</v>
      </c>
      <c r="G221" s="15">
        <v>0</v>
      </c>
      <c r="H221" s="15">
        <v>0</v>
      </c>
    </row>
    <row r="222" spans="2:8" ht="15" customHeight="1">
      <c r="B222" s="5" t="s">
        <v>43</v>
      </c>
      <c r="C222" s="11">
        <v>131</v>
      </c>
      <c r="D222" s="11">
        <v>386</v>
      </c>
      <c r="E222" s="11">
        <v>131</v>
      </c>
      <c r="F222" s="11">
        <v>385</v>
      </c>
      <c r="G222" s="11">
        <v>262</v>
      </c>
      <c r="H222" s="11">
        <v>771</v>
      </c>
    </row>
    <row r="223" spans="2:8" ht="15" customHeight="1">
      <c r="B223" s="16" t="s">
        <v>75</v>
      </c>
      <c r="C223" s="17">
        <v>52</v>
      </c>
      <c r="D223" s="17">
        <v>174</v>
      </c>
      <c r="E223" s="17">
        <v>52</v>
      </c>
      <c r="F223" s="17">
        <v>175</v>
      </c>
      <c r="G223" s="17">
        <v>104</v>
      </c>
      <c r="H223" s="17">
        <v>349</v>
      </c>
    </row>
    <row r="224" spans="2:8" ht="15" customHeight="1">
      <c r="B224" s="14" t="s">
        <v>76</v>
      </c>
      <c r="C224" s="12">
        <v>52</v>
      </c>
      <c r="D224" s="12">
        <v>174</v>
      </c>
      <c r="E224" s="12">
        <v>52</v>
      </c>
      <c r="F224" s="12">
        <v>175</v>
      </c>
      <c r="G224" s="12">
        <v>104</v>
      </c>
      <c r="H224" s="12">
        <v>349</v>
      </c>
    </row>
    <row r="225" spans="2:8" ht="15" customHeight="1">
      <c r="B225" s="9" t="s">
        <v>77</v>
      </c>
      <c r="C225" s="13">
        <v>29</v>
      </c>
      <c r="D225" s="13">
        <v>103</v>
      </c>
      <c r="E225" s="13">
        <v>29</v>
      </c>
      <c r="F225" s="13">
        <v>104</v>
      </c>
      <c r="G225" s="13">
        <v>58</v>
      </c>
      <c r="H225" s="13">
        <v>207</v>
      </c>
    </row>
    <row r="226" spans="2:8" ht="15" customHeight="1">
      <c r="B226" s="9" t="s">
        <v>78</v>
      </c>
      <c r="C226" s="13">
        <v>23</v>
      </c>
      <c r="D226" s="13">
        <v>71</v>
      </c>
      <c r="E226" s="13">
        <v>23</v>
      </c>
      <c r="F226" s="13">
        <v>71</v>
      </c>
      <c r="G226" s="13">
        <v>46</v>
      </c>
      <c r="H226" s="13">
        <v>142</v>
      </c>
    </row>
    <row r="227" spans="2:8" ht="15" customHeight="1">
      <c r="B227" s="7" t="s">
        <v>79</v>
      </c>
      <c r="C227" s="12">
        <v>0</v>
      </c>
      <c r="D227" s="12">
        <v>0</v>
      </c>
      <c r="E227" s="12">
        <v>0</v>
      </c>
      <c r="F227" s="12">
        <v>0</v>
      </c>
      <c r="G227" s="12">
        <v>0</v>
      </c>
      <c r="H227" s="12">
        <v>0</v>
      </c>
    </row>
    <row r="228" spans="2:8" ht="15" customHeight="1">
      <c r="B228" s="16" t="s">
        <v>80</v>
      </c>
      <c r="C228" s="17">
        <v>79</v>
      </c>
      <c r="D228" s="17">
        <v>212</v>
      </c>
      <c r="E228" s="17">
        <v>79</v>
      </c>
      <c r="F228" s="17">
        <v>210</v>
      </c>
      <c r="G228" s="17">
        <v>158</v>
      </c>
      <c r="H228" s="17">
        <v>422</v>
      </c>
    </row>
    <row r="229" spans="2:8" ht="15" customHeight="1">
      <c r="B229" s="14" t="s">
        <v>76</v>
      </c>
      <c r="C229" s="15">
        <v>79</v>
      </c>
      <c r="D229" s="15">
        <v>212</v>
      </c>
      <c r="E229" s="15">
        <v>79</v>
      </c>
      <c r="F229" s="15">
        <v>210</v>
      </c>
      <c r="G229" s="15">
        <v>158</v>
      </c>
      <c r="H229" s="15">
        <v>422</v>
      </c>
    </row>
    <row r="230" spans="2:8" ht="15" customHeight="1">
      <c r="B230" s="14" t="s">
        <v>79</v>
      </c>
      <c r="C230" s="15">
        <v>0</v>
      </c>
      <c r="D230" s="15">
        <v>0</v>
      </c>
      <c r="E230" s="15">
        <v>0</v>
      </c>
      <c r="F230" s="15">
        <v>0</v>
      </c>
      <c r="G230" s="15">
        <v>0</v>
      </c>
      <c r="H230" s="15">
        <v>0</v>
      </c>
    </row>
    <row r="231" spans="2:8" ht="15" customHeight="1">
      <c r="B231" s="5" t="s">
        <v>44</v>
      </c>
      <c r="C231" s="11">
        <v>1031</v>
      </c>
      <c r="D231" s="11">
        <v>2723</v>
      </c>
      <c r="E231" s="11">
        <v>1042</v>
      </c>
      <c r="F231" s="11">
        <v>2723</v>
      </c>
      <c r="G231" s="11">
        <v>2073</v>
      </c>
      <c r="H231" s="11">
        <v>5446</v>
      </c>
    </row>
    <row r="232" spans="2:8" ht="15" customHeight="1">
      <c r="B232" s="16" t="s">
        <v>75</v>
      </c>
      <c r="C232" s="17">
        <v>402</v>
      </c>
      <c r="D232" s="17">
        <v>1128</v>
      </c>
      <c r="E232" s="17">
        <v>400</v>
      </c>
      <c r="F232" s="17">
        <v>1118</v>
      </c>
      <c r="G232" s="17">
        <v>802</v>
      </c>
      <c r="H232" s="17">
        <v>2246</v>
      </c>
    </row>
    <row r="233" spans="2:8" ht="15" customHeight="1">
      <c r="B233" s="14" t="s">
        <v>76</v>
      </c>
      <c r="C233" s="12">
        <v>402</v>
      </c>
      <c r="D233" s="12">
        <v>1128</v>
      </c>
      <c r="E233" s="12">
        <v>400</v>
      </c>
      <c r="F233" s="12">
        <v>1118</v>
      </c>
      <c r="G233" s="12">
        <v>802</v>
      </c>
      <c r="H233" s="12">
        <v>2246</v>
      </c>
    </row>
    <row r="234" spans="2:8" ht="15" customHeight="1">
      <c r="B234" s="9" t="s">
        <v>77</v>
      </c>
      <c r="C234" s="13">
        <v>67</v>
      </c>
      <c r="D234" s="13">
        <v>154</v>
      </c>
      <c r="E234" s="13">
        <v>57</v>
      </c>
      <c r="F234" s="13">
        <v>140</v>
      </c>
      <c r="G234" s="13">
        <v>124</v>
      </c>
      <c r="H234" s="13">
        <v>294</v>
      </c>
    </row>
    <row r="235" spans="2:8" ht="15" customHeight="1">
      <c r="B235" s="9" t="s">
        <v>78</v>
      </c>
      <c r="C235" s="13">
        <v>335</v>
      </c>
      <c r="D235" s="13">
        <v>974</v>
      </c>
      <c r="E235" s="13">
        <v>343</v>
      </c>
      <c r="F235" s="13">
        <v>978</v>
      </c>
      <c r="G235" s="13">
        <v>678</v>
      </c>
      <c r="H235" s="13">
        <v>1952</v>
      </c>
    </row>
    <row r="236" spans="2:8" ht="15" customHeight="1">
      <c r="B236" s="7" t="s">
        <v>79</v>
      </c>
      <c r="C236" s="12">
        <v>0</v>
      </c>
      <c r="D236" s="12">
        <v>0</v>
      </c>
      <c r="E236" s="12">
        <v>0</v>
      </c>
      <c r="F236" s="12">
        <v>0</v>
      </c>
      <c r="G236" s="12">
        <v>0</v>
      </c>
      <c r="H236" s="12">
        <v>0</v>
      </c>
    </row>
    <row r="237" spans="2:8" ht="15" customHeight="1">
      <c r="B237" s="16" t="s">
        <v>80</v>
      </c>
      <c r="C237" s="17">
        <v>629</v>
      </c>
      <c r="D237" s="17">
        <v>1595</v>
      </c>
      <c r="E237" s="17">
        <v>642</v>
      </c>
      <c r="F237" s="17">
        <v>1605</v>
      </c>
      <c r="G237" s="17">
        <v>1271</v>
      </c>
      <c r="H237" s="17">
        <v>3200</v>
      </c>
    </row>
    <row r="238" spans="2:8" ht="15" customHeight="1">
      <c r="B238" s="14" t="s">
        <v>76</v>
      </c>
      <c r="C238" s="15">
        <v>625</v>
      </c>
      <c r="D238" s="15">
        <v>1590</v>
      </c>
      <c r="E238" s="15">
        <v>638</v>
      </c>
      <c r="F238" s="15">
        <v>1600</v>
      </c>
      <c r="G238" s="15">
        <v>1263</v>
      </c>
      <c r="H238" s="15">
        <v>3190</v>
      </c>
    </row>
    <row r="239" spans="2:8" ht="15" customHeight="1">
      <c r="B239" s="14" t="s">
        <v>79</v>
      </c>
      <c r="C239" s="15">
        <v>4</v>
      </c>
      <c r="D239" s="15">
        <v>5</v>
      </c>
      <c r="E239" s="15">
        <v>4</v>
      </c>
      <c r="F239" s="15">
        <v>5</v>
      </c>
      <c r="G239" s="15">
        <v>8</v>
      </c>
      <c r="H239" s="15">
        <v>10</v>
      </c>
    </row>
    <row r="240" spans="2:8" ht="15" customHeight="1">
      <c r="B240" s="5" t="s">
        <v>45</v>
      </c>
      <c r="C240" s="11">
        <v>261</v>
      </c>
      <c r="D240" s="11">
        <v>729</v>
      </c>
      <c r="E240" s="11">
        <v>261</v>
      </c>
      <c r="F240" s="11">
        <v>731</v>
      </c>
      <c r="G240" s="11">
        <v>522</v>
      </c>
      <c r="H240" s="11">
        <v>1460</v>
      </c>
    </row>
    <row r="241" spans="2:8" ht="15" customHeight="1">
      <c r="B241" s="16" t="s">
        <v>75</v>
      </c>
      <c r="C241" s="17">
        <v>128</v>
      </c>
      <c r="D241" s="17">
        <v>379</v>
      </c>
      <c r="E241" s="17">
        <v>129</v>
      </c>
      <c r="F241" s="17">
        <v>380</v>
      </c>
      <c r="G241" s="17">
        <v>257</v>
      </c>
      <c r="H241" s="17">
        <v>759</v>
      </c>
    </row>
    <row r="242" spans="2:8" ht="15" customHeight="1">
      <c r="B242" s="14" t="s">
        <v>76</v>
      </c>
      <c r="C242" s="12">
        <v>128</v>
      </c>
      <c r="D242" s="12">
        <v>379</v>
      </c>
      <c r="E242" s="12">
        <v>129</v>
      </c>
      <c r="F242" s="12">
        <v>380</v>
      </c>
      <c r="G242" s="12">
        <v>257</v>
      </c>
      <c r="H242" s="12">
        <v>759</v>
      </c>
    </row>
    <row r="243" spans="2:8" ht="15" customHeight="1">
      <c r="B243" s="9" t="s">
        <v>77</v>
      </c>
      <c r="C243" s="13">
        <v>124</v>
      </c>
      <c r="D243" s="13">
        <v>368</v>
      </c>
      <c r="E243" s="13">
        <v>125</v>
      </c>
      <c r="F243" s="13">
        <v>369</v>
      </c>
      <c r="G243" s="13">
        <v>249</v>
      </c>
      <c r="H243" s="13">
        <v>737</v>
      </c>
    </row>
    <row r="244" spans="2:8" ht="15" customHeight="1">
      <c r="B244" s="9" t="s">
        <v>78</v>
      </c>
      <c r="C244" s="13">
        <v>4</v>
      </c>
      <c r="D244" s="13">
        <v>11</v>
      </c>
      <c r="E244" s="13">
        <v>4</v>
      </c>
      <c r="F244" s="13">
        <v>11</v>
      </c>
      <c r="G244" s="13">
        <v>8</v>
      </c>
      <c r="H244" s="13">
        <v>22</v>
      </c>
    </row>
    <row r="245" spans="2:8" ht="15" customHeight="1">
      <c r="B245" s="7" t="s">
        <v>79</v>
      </c>
      <c r="C245" s="12">
        <v>0</v>
      </c>
      <c r="D245" s="12">
        <v>0</v>
      </c>
      <c r="E245" s="12">
        <v>0</v>
      </c>
      <c r="F245" s="12">
        <v>0</v>
      </c>
      <c r="G245" s="12">
        <v>0</v>
      </c>
      <c r="H245" s="12">
        <v>0</v>
      </c>
    </row>
    <row r="246" spans="2:8" ht="15" customHeight="1">
      <c r="B246" s="16" t="s">
        <v>80</v>
      </c>
      <c r="C246" s="17">
        <v>133</v>
      </c>
      <c r="D246" s="17">
        <v>350</v>
      </c>
      <c r="E246" s="17">
        <v>132</v>
      </c>
      <c r="F246" s="17">
        <v>351</v>
      </c>
      <c r="G246" s="17">
        <v>265</v>
      </c>
      <c r="H246" s="17">
        <v>701</v>
      </c>
    </row>
    <row r="247" spans="2:8" ht="15" customHeight="1">
      <c r="B247" s="14" t="s">
        <v>76</v>
      </c>
      <c r="C247" s="15">
        <v>133</v>
      </c>
      <c r="D247" s="15">
        <v>348</v>
      </c>
      <c r="E247" s="15">
        <v>132</v>
      </c>
      <c r="F247" s="15">
        <v>350</v>
      </c>
      <c r="G247" s="15">
        <v>265</v>
      </c>
      <c r="H247" s="15">
        <v>698</v>
      </c>
    </row>
    <row r="248" spans="2:8" ht="15" customHeight="1">
      <c r="B248" s="14" t="s">
        <v>79</v>
      </c>
      <c r="C248" s="15">
        <v>0</v>
      </c>
      <c r="D248" s="15">
        <v>2</v>
      </c>
      <c r="E248" s="15">
        <v>0</v>
      </c>
      <c r="F248" s="15">
        <v>1</v>
      </c>
      <c r="G248" s="15">
        <v>0</v>
      </c>
      <c r="H248" s="15">
        <v>3</v>
      </c>
    </row>
    <row r="249" spans="2:8" ht="15" customHeight="1">
      <c r="B249" s="5" t="s">
        <v>46</v>
      </c>
      <c r="C249" s="11">
        <v>1017</v>
      </c>
      <c r="D249" s="11">
        <v>3065</v>
      </c>
      <c r="E249" s="11">
        <v>1017</v>
      </c>
      <c r="F249" s="11">
        <v>3068</v>
      </c>
      <c r="G249" s="11">
        <v>2034</v>
      </c>
      <c r="H249" s="11">
        <v>6133</v>
      </c>
    </row>
    <row r="250" spans="2:8" ht="15" customHeight="1">
      <c r="B250" s="16" t="s">
        <v>75</v>
      </c>
      <c r="C250" s="17">
        <v>0</v>
      </c>
      <c r="D250" s="17">
        <v>0</v>
      </c>
      <c r="E250" s="17">
        <v>0</v>
      </c>
      <c r="F250" s="17">
        <v>0</v>
      </c>
      <c r="G250" s="17">
        <v>0</v>
      </c>
      <c r="H250" s="17">
        <v>0</v>
      </c>
    </row>
    <row r="251" spans="2:8" ht="15" customHeight="1">
      <c r="B251" s="14" t="s">
        <v>76</v>
      </c>
      <c r="C251" s="12">
        <v>0</v>
      </c>
      <c r="D251" s="12">
        <v>0</v>
      </c>
      <c r="E251" s="12">
        <v>0</v>
      </c>
      <c r="F251" s="12">
        <v>0</v>
      </c>
      <c r="G251" s="12">
        <v>0</v>
      </c>
      <c r="H251" s="12">
        <v>0</v>
      </c>
    </row>
    <row r="252" spans="2:8" ht="15" customHeight="1">
      <c r="B252" s="9" t="s">
        <v>77</v>
      </c>
      <c r="C252" s="13">
        <v>0</v>
      </c>
      <c r="D252" s="13">
        <v>0</v>
      </c>
      <c r="E252" s="13">
        <v>0</v>
      </c>
      <c r="F252" s="13">
        <v>0</v>
      </c>
      <c r="G252" s="13">
        <v>0</v>
      </c>
      <c r="H252" s="13">
        <v>0</v>
      </c>
    </row>
    <row r="253" spans="2:8" ht="15" customHeight="1">
      <c r="B253" s="9" t="s">
        <v>78</v>
      </c>
      <c r="C253" s="13">
        <v>0</v>
      </c>
      <c r="D253" s="13">
        <v>0</v>
      </c>
      <c r="E253" s="13">
        <v>0</v>
      </c>
      <c r="F253" s="13">
        <v>0</v>
      </c>
      <c r="G253" s="13">
        <v>0</v>
      </c>
      <c r="H253" s="13">
        <v>0</v>
      </c>
    </row>
    <row r="254" spans="2:8" ht="15" customHeight="1">
      <c r="B254" s="7" t="s">
        <v>79</v>
      </c>
      <c r="C254" s="12">
        <v>0</v>
      </c>
      <c r="D254" s="12">
        <v>0</v>
      </c>
      <c r="E254" s="12">
        <v>0</v>
      </c>
      <c r="F254" s="12">
        <v>0</v>
      </c>
      <c r="G254" s="12">
        <v>0</v>
      </c>
      <c r="H254" s="12">
        <v>0</v>
      </c>
    </row>
    <row r="255" spans="2:8" ht="15" customHeight="1">
      <c r="B255" s="16" t="s">
        <v>80</v>
      </c>
      <c r="C255" s="17">
        <v>1017</v>
      </c>
      <c r="D255" s="17">
        <v>3065</v>
      </c>
      <c r="E255" s="17">
        <v>1017</v>
      </c>
      <c r="F255" s="17">
        <v>3068</v>
      </c>
      <c r="G255" s="17">
        <v>2034</v>
      </c>
      <c r="H255" s="17">
        <v>6133</v>
      </c>
    </row>
    <row r="256" spans="2:8" ht="15" customHeight="1">
      <c r="B256" s="14" t="s">
        <v>76</v>
      </c>
      <c r="C256" s="15">
        <v>1017</v>
      </c>
      <c r="D256" s="15">
        <v>3065</v>
      </c>
      <c r="E256" s="15">
        <v>1017</v>
      </c>
      <c r="F256" s="15">
        <v>3068</v>
      </c>
      <c r="G256" s="15">
        <v>2034</v>
      </c>
      <c r="H256" s="15">
        <v>6133</v>
      </c>
    </row>
    <row r="257" spans="2:8" ht="15" customHeight="1">
      <c r="B257" s="14" t="s">
        <v>79</v>
      </c>
      <c r="C257" s="15">
        <v>0</v>
      </c>
      <c r="D257" s="15">
        <v>0</v>
      </c>
      <c r="E257" s="15">
        <v>0</v>
      </c>
      <c r="F257" s="15">
        <v>0</v>
      </c>
      <c r="G257" s="15">
        <v>0</v>
      </c>
      <c r="H257" s="15">
        <v>0</v>
      </c>
    </row>
    <row r="258" spans="2:8" ht="15" customHeight="1">
      <c r="B258" s="5" t="s">
        <v>47</v>
      </c>
      <c r="C258" s="11">
        <v>336</v>
      </c>
      <c r="D258" s="11">
        <v>911</v>
      </c>
      <c r="E258" s="11">
        <v>339</v>
      </c>
      <c r="F258" s="11">
        <v>910</v>
      </c>
      <c r="G258" s="11">
        <v>675</v>
      </c>
      <c r="H258" s="11">
        <v>1821</v>
      </c>
    </row>
    <row r="259" spans="2:8" ht="15" customHeight="1">
      <c r="B259" s="16" t="s">
        <v>75</v>
      </c>
      <c r="C259" s="17">
        <v>127</v>
      </c>
      <c r="D259" s="17">
        <v>331</v>
      </c>
      <c r="E259" s="17">
        <v>128</v>
      </c>
      <c r="F259" s="17">
        <v>325</v>
      </c>
      <c r="G259" s="17">
        <v>255</v>
      </c>
      <c r="H259" s="17">
        <v>656</v>
      </c>
    </row>
    <row r="260" spans="2:8" ht="15" customHeight="1">
      <c r="B260" s="14" t="s">
        <v>76</v>
      </c>
      <c r="C260" s="12">
        <v>127</v>
      </c>
      <c r="D260" s="12">
        <v>331</v>
      </c>
      <c r="E260" s="12">
        <v>128</v>
      </c>
      <c r="F260" s="12">
        <v>325</v>
      </c>
      <c r="G260" s="12">
        <v>255</v>
      </c>
      <c r="H260" s="12">
        <v>656</v>
      </c>
    </row>
    <row r="261" spans="2:8" ht="15" customHeight="1">
      <c r="B261" s="9" t="s">
        <v>77</v>
      </c>
      <c r="C261" s="13">
        <v>127</v>
      </c>
      <c r="D261" s="13">
        <v>331</v>
      </c>
      <c r="E261" s="13">
        <v>128</v>
      </c>
      <c r="F261" s="13">
        <v>325</v>
      </c>
      <c r="G261" s="13">
        <v>255</v>
      </c>
      <c r="H261" s="13">
        <v>656</v>
      </c>
    </row>
    <row r="262" spans="2:8" ht="15" customHeight="1">
      <c r="B262" s="9" t="s">
        <v>78</v>
      </c>
      <c r="C262" s="13">
        <v>0</v>
      </c>
      <c r="D262" s="13">
        <v>0</v>
      </c>
      <c r="E262" s="13">
        <v>0</v>
      </c>
      <c r="F262" s="13">
        <v>0</v>
      </c>
      <c r="G262" s="13">
        <v>0</v>
      </c>
      <c r="H262" s="13">
        <v>0</v>
      </c>
    </row>
    <row r="263" spans="2:8" ht="15" customHeight="1">
      <c r="B263" s="7" t="s">
        <v>79</v>
      </c>
      <c r="C263" s="12">
        <v>0</v>
      </c>
      <c r="D263" s="12">
        <v>0</v>
      </c>
      <c r="E263" s="12">
        <v>0</v>
      </c>
      <c r="F263" s="12">
        <v>0</v>
      </c>
      <c r="G263" s="12">
        <v>0</v>
      </c>
      <c r="H263" s="12">
        <v>0</v>
      </c>
    </row>
    <row r="264" spans="2:8" ht="15" customHeight="1">
      <c r="B264" s="16" t="s">
        <v>80</v>
      </c>
      <c r="C264" s="17">
        <v>209</v>
      </c>
      <c r="D264" s="17">
        <v>580</v>
      </c>
      <c r="E264" s="17">
        <v>211</v>
      </c>
      <c r="F264" s="17">
        <v>585</v>
      </c>
      <c r="G264" s="17">
        <v>420</v>
      </c>
      <c r="H264" s="17">
        <v>1165</v>
      </c>
    </row>
    <row r="265" spans="2:8" ht="15" customHeight="1">
      <c r="B265" s="14" t="s">
        <v>76</v>
      </c>
      <c r="C265" s="15">
        <v>209</v>
      </c>
      <c r="D265" s="15">
        <v>580</v>
      </c>
      <c r="E265" s="15">
        <v>211</v>
      </c>
      <c r="F265" s="15">
        <v>585</v>
      </c>
      <c r="G265" s="15">
        <v>420</v>
      </c>
      <c r="H265" s="15">
        <v>1165</v>
      </c>
    </row>
    <row r="266" spans="2:8" ht="15" customHeight="1">
      <c r="B266" s="14" t="s">
        <v>79</v>
      </c>
      <c r="C266" s="15">
        <v>0</v>
      </c>
      <c r="D266" s="15">
        <v>0</v>
      </c>
      <c r="E266" s="15">
        <v>0</v>
      </c>
      <c r="F266" s="15">
        <v>0</v>
      </c>
      <c r="G266" s="15">
        <v>0</v>
      </c>
      <c r="H266" s="15">
        <v>0</v>
      </c>
    </row>
    <row r="267" spans="2:8" ht="15" customHeight="1">
      <c r="B267" s="5" t="s">
        <v>48</v>
      </c>
      <c r="C267" s="11">
        <v>737</v>
      </c>
      <c r="D267" s="11">
        <v>2394</v>
      </c>
      <c r="E267" s="11">
        <v>738</v>
      </c>
      <c r="F267" s="11">
        <v>2411</v>
      </c>
      <c r="G267" s="11">
        <v>1475</v>
      </c>
      <c r="H267" s="11">
        <v>4805</v>
      </c>
    </row>
    <row r="268" spans="2:8" ht="15" customHeight="1">
      <c r="B268" s="16" t="s">
        <v>75</v>
      </c>
      <c r="C268" s="17">
        <v>606</v>
      </c>
      <c r="D268" s="17">
        <v>1926</v>
      </c>
      <c r="E268" s="17">
        <v>606</v>
      </c>
      <c r="F268" s="17">
        <v>1936</v>
      </c>
      <c r="G268" s="17">
        <v>1212</v>
      </c>
      <c r="H268" s="17">
        <v>3862</v>
      </c>
    </row>
    <row r="269" spans="2:8" ht="15" customHeight="1">
      <c r="B269" s="14" t="s">
        <v>76</v>
      </c>
      <c r="C269" s="12">
        <v>596</v>
      </c>
      <c r="D269" s="12">
        <v>1891</v>
      </c>
      <c r="E269" s="12">
        <v>596</v>
      </c>
      <c r="F269" s="12">
        <v>1902</v>
      </c>
      <c r="G269" s="12">
        <v>1192</v>
      </c>
      <c r="H269" s="12">
        <v>3793</v>
      </c>
    </row>
    <row r="270" spans="2:8" ht="15" customHeight="1">
      <c r="B270" s="9" t="s">
        <v>77</v>
      </c>
      <c r="C270" s="13">
        <v>523</v>
      </c>
      <c r="D270" s="13">
        <v>1665</v>
      </c>
      <c r="E270" s="13">
        <v>518</v>
      </c>
      <c r="F270" s="13">
        <v>1676</v>
      </c>
      <c r="G270" s="13">
        <v>1041</v>
      </c>
      <c r="H270" s="13">
        <v>3341</v>
      </c>
    </row>
    <row r="271" spans="2:8" ht="15" customHeight="1">
      <c r="B271" s="9" t="s">
        <v>78</v>
      </c>
      <c r="C271" s="13">
        <v>73</v>
      </c>
      <c r="D271" s="13">
        <v>226</v>
      </c>
      <c r="E271" s="13">
        <v>78</v>
      </c>
      <c r="F271" s="13">
        <v>226</v>
      </c>
      <c r="G271" s="13">
        <v>151</v>
      </c>
      <c r="H271" s="13">
        <v>452</v>
      </c>
    </row>
    <row r="272" spans="2:8" ht="15" customHeight="1">
      <c r="B272" s="7" t="s">
        <v>79</v>
      </c>
      <c r="C272" s="12">
        <v>10</v>
      </c>
      <c r="D272" s="12">
        <v>35</v>
      </c>
      <c r="E272" s="12">
        <v>10</v>
      </c>
      <c r="F272" s="12">
        <v>34</v>
      </c>
      <c r="G272" s="12">
        <v>20</v>
      </c>
      <c r="H272" s="12">
        <v>69</v>
      </c>
    </row>
    <row r="273" spans="2:8" ht="15" customHeight="1">
      <c r="B273" s="16" t="s">
        <v>80</v>
      </c>
      <c r="C273" s="17">
        <v>131</v>
      </c>
      <c r="D273" s="17">
        <v>468</v>
      </c>
      <c r="E273" s="17">
        <v>132</v>
      </c>
      <c r="F273" s="17">
        <v>475</v>
      </c>
      <c r="G273" s="17">
        <v>263</v>
      </c>
      <c r="H273" s="17">
        <v>943</v>
      </c>
    </row>
    <row r="274" spans="2:8" ht="15" customHeight="1">
      <c r="B274" s="14" t="s">
        <v>76</v>
      </c>
      <c r="C274" s="15">
        <v>131</v>
      </c>
      <c r="D274" s="15">
        <v>466</v>
      </c>
      <c r="E274" s="15">
        <v>132</v>
      </c>
      <c r="F274" s="15">
        <v>473</v>
      </c>
      <c r="G274" s="15">
        <v>263</v>
      </c>
      <c r="H274" s="15">
        <v>939</v>
      </c>
    </row>
    <row r="275" spans="2:8" ht="15" customHeight="1">
      <c r="B275" s="14" t="s">
        <v>79</v>
      </c>
      <c r="C275" s="15">
        <v>0</v>
      </c>
      <c r="D275" s="15">
        <v>2</v>
      </c>
      <c r="E275" s="15">
        <v>0</v>
      </c>
      <c r="F275" s="15">
        <v>2</v>
      </c>
      <c r="G275" s="15">
        <v>0</v>
      </c>
      <c r="H275" s="15">
        <v>4</v>
      </c>
    </row>
    <row r="276" spans="2:8" ht="15" customHeight="1">
      <c r="B276" s="5" t="s">
        <v>49</v>
      </c>
      <c r="C276" s="11">
        <v>345</v>
      </c>
      <c r="D276" s="11">
        <v>978</v>
      </c>
      <c r="E276" s="11">
        <v>346</v>
      </c>
      <c r="F276" s="11">
        <v>983</v>
      </c>
      <c r="G276" s="11">
        <v>691</v>
      </c>
      <c r="H276" s="11">
        <v>1961</v>
      </c>
    </row>
    <row r="277" spans="2:8" ht="15" customHeight="1">
      <c r="B277" s="16" t="s">
        <v>75</v>
      </c>
      <c r="C277" s="17">
        <v>199</v>
      </c>
      <c r="D277" s="17">
        <v>598</v>
      </c>
      <c r="E277" s="17">
        <v>197</v>
      </c>
      <c r="F277" s="17">
        <v>597</v>
      </c>
      <c r="G277" s="17">
        <v>396</v>
      </c>
      <c r="H277" s="17">
        <v>1195</v>
      </c>
    </row>
    <row r="278" spans="2:8" ht="15" customHeight="1">
      <c r="B278" s="14" t="s">
        <v>76</v>
      </c>
      <c r="C278" s="12">
        <v>199</v>
      </c>
      <c r="D278" s="12">
        <v>598</v>
      </c>
      <c r="E278" s="12">
        <v>196</v>
      </c>
      <c r="F278" s="12">
        <v>596</v>
      </c>
      <c r="G278" s="12">
        <v>395</v>
      </c>
      <c r="H278" s="12">
        <v>1194</v>
      </c>
    </row>
    <row r="279" spans="2:8" ht="15" customHeight="1">
      <c r="B279" s="9" t="s">
        <v>77</v>
      </c>
      <c r="C279" s="13">
        <v>176</v>
      </c>
      <c r="D279" s="13">
        <v>539</v>
      </c>
      <c r="E279" s="13">
        <v>175</v>
      </c>
      <c r="F279" s="13">
        <v>537</v>
      </c>
      <c r="G279" s="13">
        <v>351</v>
      </c>
      <c r="H279" s="13">
        <v>1076</v>
      </c>
    </row>
    <row r="280" spans="2:8" ht="15" customHeight="1">
      <c r="B280" s="9" t="s">
        <v>78</v>
      </c>
      <c r="C280" s="13">
        <v>23</v>
      </c>
      <c r="D280" s="13">
        <v>59</v>
      </c>
      <c r="E280" s="13">
        <v>21</v>
      </c>
      <c r="F280" s="13">
        <v>59</v>
      </c>
      <c r="G280" s="13">
        <v>44</v>
      </c>
      <c r="H280" s="13">
        <v>118</v>
      </c>
    </row>
    <row r="281" spans="2:8" ht="15" customHeight="1">
      <c r="B281" s="7" t="s">
        <v>79</v>
      </c>
      <c r="C281" s="12">
        <v>0</v>
      </c>
      <c r="D281" s="12">
        <v>0</v>
      </c>
      <c r="E281" s="12">
        <v>1</v>
      </c>
      <c r="F281" s="12">
        <v>1</v>
      </c>
      <c r="G281" s="12">
        <v>1</v>
      </c>
      <c r="H281" s="12">
        <v>1</v>
      </c>
    </row>
    <row r="282" spans="2:8" ht="15" customHeight="1">
      <c r="B282" s="16" t="s">
        <v>80</v>
      </c>
      <c r="C282" s="17">
        <v>146</v>
      </c>
      <c r="D282" s="17">
        <v>380</v>
      </c>
      <c r="E282" s="17">
        <v>149</v>
      </c>
      <c r="F282" s="17">
        <v>386</v>
      </c>
      <c r="G282" s="17">
        <v>295</v>
      </c>
      <c r="H282" s="17">
        <v>766</v>
      </c>
    </row>
    <row r="283" spans="2:8" ht="15" customHeight="1">
      <c r="B283" s="14" t="s">
        <v>76</v>
      </c>
      <c r="C283" s="15">
        <v>145</v>
      </c>
      <c r="D283" s="15">
        <v>371</v>
      </c>
      <c r="E283" s="15">
        <v>146</v>
      </c>
      <c r="F283" s="15">
        <v>374</v>
      </c>
      <c r="G283" s="15">
        <v>291</v>
      </c>
      <c r="H283" s="15">
        <v>745</v>
      </c>
    </row>
    <row r="284" spans="2:8" ht="15" customHeight="1">
      <c r="B284" s="14" t="s">
        <v>79</v>
      </c>
      <c r="C284" s="15">
        <v>1</v>
      </c>
      <c r="D284" s="15">
        <v>9</v>
      </c>
      <c r="E284" s="15">
        <v>3</v>
      </c>
      <c r="F284" s="15">
        <v>12</v>
      </c>
      <c r="G284" s="15">
        <v>4</v>
      </c>
      <c r="H284" s="15">
        <v>21</v>
      </c>
    </row>
    <row r="285" spans="2:8" ht="15" customHeight="1">
      <c r="B285" s="5" t="s">
        <v>50</v>
      </c>
      <c r="C285" s="11">
        <v>3474</v>
      </c>
      <c r="D285" s="11">
        <v>9099</v>
      </c>
      <c r="E285" s="11">
        <v>3487</v>
      </c>
      <c r="F285" s="11">
        <v>9087</v>
      </c>
      <c r="G285" s="11">
        <v>6961</v>
      </c>
      <c r="H285" s="11">
        <v>18186</v>
      </c>
    </row>
    <row r="286" spans="2:8" ht="15" customHeight="1">
      <c r="B286" s="16" t="s">
        <v>75</v>
      </c>
      <c r="C286" s="17">
        <v>0</v>
      </c>
      <c r="D286" s="17">
        <v>3</v>
      </c>
      <c r="E286" s="17">
        <v>0</v>
      </c>
      <c r="F286" s="17">
        <v>13</v>
      </c>
      <c r="G286" s="17">
        <v>0</v>
      </c>
      <c r="H286" s="17">
        <v>16</v>
      </c>
    </row>
    <row r="287" spans="2:8" ht="15" customHeight="1">
      <c r="B287" s="14" t="s">
        <v>76</v>
      </c>
      <c r="C287" s="12">
        <v>0</v>
      </c>
      <c r="D287" s="12">
        <v>3</v>
      </c>
      <c r="E287" s="12">
        <v>0</v>
      </c>
      <c r="F287" s="12">
        <v>13</v>
      </c>
      <c r="G287" s="12">
        <v>0</v>
      </c>
      <c r="H287" s="12">
        <v>16</v>
      </c>
    </row>
    <row r="288" spans="2:8" ht="15" customHeight="1">
      <c r="B288" s="9" t="s">
        <v>77</v>
      </c>
      <c r="C288" s="13">
        <v>0</v>
      </c>
      <c r="D288" s="13">
        <v>3</v>
      </c>
      <c r="E288" s="13">
        <v>0</v>
      </c>
      <c r="F288" s="13">
        <v>13</v>
      </c>
      <c r="G288" s="13">
        <v>0</v>
      </c>
      <c r="H288" s="13">
        <v>16</v>
      </c>
    </row>
    <row r="289" spans="2:8" ht="15" customHeight="1">
      <c r="B289" s="9" t="s">
        <v>78</v>
      </c>
      <c r="C289" s="13">
        <v>0</v>
      </c>
      <c r="D289" s="13">
        <v>0</v>
      </c>
      <c r="E289" s="13">
        <v>0</v>
      </c>
      <c r="F289" s="13">
        <v>0</v>
      </c>
      <c r="G289" s="13">
        <v>0</v>
      </c>
      <c r="H289" s="13">
        <v>0</v>
      </c>
    </row>
    <row r="290" spans="2:8" ht="15" customHeight="1">
      <c r="B290" s="7" t="s">
        <v>79</v>
      </c>
      <c r="C290" s="12">
        <v>0</v>
      </c>
      <c r="D290" s="12">
        <v>0</v>
      </c>
      <c r="E290" s="12">
        <v>0</v>
      </c>
      <c r="F290" s="12">
        <v>0</v>
      </c>
      <c r="G290" s="12">
        <v>0</v>
      </c>
      <c r="H290" s="12">
        <v>0</v>
      </c>
    </row>
    <row r="291" spans="2:8" ht="15" customHeight="1">
      <c r="B291" s="16" t="s">
        <v>80</v>
      </c>
      <c r="C291" s="17">
        <v>3474</v>
      </c>
      <c r="D291" s="17">
        <v>9096</v>
      </c>
      <c r="E291" s="17">
        <v>3487</v>
      </c>
      <c r="F291" s="17">
        <v>9074</v>
      </c>
      <c r="G291" s="17">
        <v>6961</v>
      </c>
      <c r="H291" s="17">
        <v>18170</v>
      </c>
    </row>
    <row r="292" spans="2:8" ht="15" customHeight="1">
      <c r="B292" s="14" t="s">
        <v>76</v>
      </c>
      <c r="C292" s="15">
        <v>3474</v>
      </c>
      <c r="D292" s="15">
        <v>9096</v>
      </c>
      <c r="E292" s="15">
        <v>3487</v>
      </c>
      <c r="F292" s="15">
        <v>9074</v>
      </c>
      <c r="G292" s="15">
        <v>6961</v>
      </c>
      <c r="H292" s="15">
        <v>18170</v>
      </c>
    </row>
    <row r="293" spans="2:8" ht="15" customHeight="1">
      <c r="B293" s="14" t="s">
        <v>79</v>
      </c>
      <c r="C293" s="15">
        <v>0</v>
      </c>
      <c r="D293" s="15">
        <v>0</v>
      </c>
      <c r="E293" s="15">
        <v>0</v>
      </c>
      <c r="F293" s="15">
        <v>0</v>
      </c>
      <c r="G293" s="15">
        <v>0</v>
      </c>
      <c r="H293" s="15">
        <v>0</v>
      </c>
    </row>
    <row r="294" spans="2:8" ht="15" customHeight="1">
      <c r="B294" s="5" t="s">
        <v>51</v>
      </c>
      <c r="C294" s="11">
        <v>969</v>
      </c>
      <c r="D294" s="11">
        <v>3059</v>
      </c>
      <c r="E294" s="11">
        <v>957</v>
      </c>
      <c r="F294" s="11">
        <v>3059</v>
      </c>
      <c r="G294" s="11">
        <v>1926</v>
      </c>
      <c r="H294" s="11">
        <v>6118</v>
      </c>
    </row>
    <row r="295" spans="2:8" ht="15" customHeight="1">
      <c r="B295" s="16" t="s">
        <v>75</v>
      </c>
      <c r="C295" s="17">
        <v>681</v>
      </c>
      <c r="D295" s="17">
        <v>2120</v>
      </c>
      <c r="E295" s="17">
        <v>681</v>
      </c>
      <c r="F295" s="17">
        <v>2109</v>
      </c>
      <c r="G295" s="17">
        <v>1362</v>
      </c>
      <c r="H295" s="17">
        <v>4229</v>
      </c>
    </row>
    <row r="296" spans="2:8" ht="15" customHeight="1">
      <c r="B296" s="14" t="s">
        <v>76</v>
      </c>
      <c r="C296" s="12">
        <v>663</v>
      </c>
      <c r="D296" s="12">
        <v>2047</v>
      </c>
      <c r="E296" s="12">
        <v>663</v>
      </c>
      <c r="F296" s="12">
        <v>2034</v>
      </c>
      <c r="G296" s="12">
        <v>1326</v>
      </c>
      <c r="H296" s="12">
        <v>4081</v>
      </c>
    </row>
    <row r="297" spans="2:8" ht="15" customHeight="1">
      <c r="B297" s="9" t="s">
        <v>77</v>
      </c>
      <c r="C297" s="13">
        <v>663</v>
      </c>
      <c r="D297" s="13">
        <v>2047</v>
      </c>
      <c r="E297" s="13">
        <v>663</v>
      </c>
      <c r="F297" s="13">
        <v>2034</v>
      </c>
      <c r="G297" s="13">
        <v>1326</v>
      </c>
      <c r="H297" s="13">
        <v>4081</v>
      </c>
    </row>
    <row r="298" spans="2:8" ht="15" customHeight="1">
      <c r="B298" s="9" t="s">
        <v>78</v>
      </c>
      <c r="C298" s="13">
        <v>0</v>
      </c>
      <c r="D298" s="13">
        <v>0</v>
      </c>
      <c r="E298" s="13">
        <v>0</v>
      </c>
      <c r="F298" s="13">
        <v>0</v>
      </c>
      <c r="G298" s="13">
        <v>0</v>
      </c>
      <c r="H298" s="13">
        <v>0</v>
      </c>
    </row>
    <row r="299" spans="2:8" ht="15" customHeight="1">
      <c r="B299" s="7" t="s">
        <v>79</v>
      </c>
      <c r="C299" s="12">
        <v>18</v>
      </c>
      <c r="D299" s="12">
        <v>73</v>
      </c>
      <c r="E299" s="12">
        <v>18</v>
      </c>
      <c r="F299" s="12">
        <v>75</v>
      </c>
      <c r="G299" s="12">
        <v>36</v>
      </c>
      <c r="H299" s="12">
        <v>148</v>
      </c>
    </row>
    <row r="300" spans="2:8" ht="15" customHeight="1">
      <c r="B300" s="16" t="s">
        <v>80</v>
      </c>
      <c r="C300" s="17">
        <v>288</v>
      </c>
      <c r="D300" s="17">
        <v>939</v>
      </c>
      <c r="E300" s="17">
        <v>276</v>
      </c>
      <c r="F300" s="17">
        <v>950</v>
      </c>
      <c r="G300" s="17">
        <v>564</v>
      </c>
      <c r="H300" s="17">
        <v>1889</v>
      </c>
    </row>
    <row r="301" spans="2:8" ht="15" customHeight="1">
      <c r="B301" s="14" t="s">
        <v>76</v>
      </c>
      <c r="C301" s="15">
        <v>282</v>
      </c>
      <c r="D301" s="15">
        <v>907</v>
      </c>
      <c r="E301" s="15">
        <v>272</v>
      </c>
      <c r="F301" s="15">
        <v>917</v>
      </c>
      <c r="G301" s="15">
        <v>554</v>
      </c>
      <c r="H301" s="15">
        <v>1824</v>
      </c>
    </row>
    <row r="302" spans="2:8" ht="15" customHeight="1">
      <c r="B302" s="14" t="s">
        <v>79</v>
      </c>
      <c r="C302" s="15">
        <v>6</v>
      </c>
      <c r="D302" s="15">
        <v>32</v>
      </c>
      <c r="E302" s="15">
        <v>4</v>
      </c>
      <c r="F302" s="15">
        <v>33</v>
      </c>
      <c r="G302" s="15">
        <v>10</v>
      </c>
      <c r="H302" s="15">
        <v>65</v>
      </c>
    </row>
    <row r="303" spans="2:8" ht="15" customHeight="1">
      <c r="B303" s="5" t="s">
        <v>52</v>
      </c>
      <c r="C303" s="11">
        <v>52</v>
      </c>
      <c r="D303" s="11">
        <v>190</v>
      </c>
      <c r="E303" s="11">
        <v>49</v>
      </c>
      <c r="F303" s="11">
        <v>194</v>
      </c>
      <c r="G303" s="11">
        <v>101</v>
      </c>
      <c r="H303" s="11">
        <v>384</v>
      </c>
    </row>
    <row r="304" spans="2:8" ht="15" customHeight="1">
      <c r="B304" s="16" t="s">
        <v>75</v>
      </c>
      <c r="C304" s="17">
        <v>5</v>
      </c>
      <c r="D304" s="17">
        <v>12</v>
      </c>
      <c r="E304" s="17">
        <v>5</v>
      </c>
      <c r="F304" s="17">
        <v>12</v>
      </c>
      <c r="G304" s="17">
        <v>10</v>
      </c>
      <c r="H304" s="17">
        <v>24</v>
      </c>
    </row>
    <row r="305" spans="2:8" ht="15" customHeight="1">
      <c r="B305" s="14" t="s">
        <v>76</v>
      </c>
      <c r="C305" s="12">
        <v>5</v>
      </c>
      <c r="D305" s="12">
        <v>12</v>
      </c>
      <c r="E305" s="12">
        <v>5</v>
      </c>
      <c r="F305" s="12">
        <v>12</v>
      </c>
      <c r="G305" s="12">
        <v>10</v>
      </c>
      <c r="H305" s="12">
        <v>24</v>
      </c>
    </row>
    <row r="306" spans="2:8" ht="15" customHeight="1">
      <c r="B306" s="9" t="s">
        <v>77</v>
      </c>
      <c r="C306" s="13">
        <v>5</v>
      </c>
      <c r="D306" s="13">
        <v>12</v>
      </c>
      <c r="E306" s="13">
        <v>5</v>
      </c>
      <c r="F306" s="13">
        <v>12</v>
      </c>
      <c r="G306" s="13">
        <v>10</v>
      </c>
      <c r="H306" s="13">
        <v>24</v>
      </c>
    </row>
    <row r="307" spans="2:8" ht="15" customHeight="1">
      <c r="B307" s="9" t="s">
        <v>78</v>
      </c>
      <c r="C307" s="13">
        <v>0</v>
      </c>
      <c r="D307" s="13">
        <v>0</v>
      </c>
      <c r="E307" s="13">
        <v>0</v>
      </c>
      <c r="F307" s="13">
        <v>0</v>
      </c>
      <c r="G307" s="13">
        <v>0</v>
      </c>
      <c r="H307" s="13">
        <v>0</v>
      </c>
    </row>
    <row r="308" spans="2:8" ht="15" customHeight="1">
      <c r="B308" s="7" t="s">
        <v>79</v>
      </c>
      <c r="C308" s="12">
        <v>0</v>
      </c>
      <c r="D308" s="12">
        <v>0</v>
      </c>
      <c r="E308" s="12">
        <v>0</v>
      </c>
      <c r="F308" s="12">
        <v>0</v>
      </c>
      <c r="G308" s="12">
        <v>0</v>
      </c>
      <c r="H308" s="12">
        <v>0</v>
      </c>
    </row>
    <row r="309" spans="2:8" ht="15" customHeight="1">
      <c r="B309" s="16" t="s">
        <v>80</v>
      </c>
      <c r="C309" s="17">
        <v>47</v>
      </c>
      <c r="D309" s="17">
        <v>178</v>
      </c>
      <c r="E309" s="17">
        <v>44</v>
      </c>
      <c r="F309" s="17">
        <v>182</v>
      </c>
      <c r="G309" s="17">
        <v>91</v>
      </c>
      <c r="H309" s="17">
        <v>360</v>
      </c>
    </row>
    <row r="310" spans="2:8" ht="15" customHeight="1">
      <c r="B310" s="14" t="s">
        <v>76</v>
      </c>
      <c r="C310" s="15">
        <v>47</v>
      </c>
      <c r="D310" s="15">
        <v>178</v>
      </c>
      <c r="E310" s="15">
        <v>44</v>
      </c>
      <c r="F310" s="15">
        <v>182</v>
      </c>
      <c r="G310" s="15">
        <v>91</v>
      </c>
      <c r="H310" s="15">
        <v>360</v>
      </c>
    </row>
    <row r="311" spans="2:8" ht="15" customHeight="1">
      <c r="B311" s="14" t="s">
        <v>79</v>
      </c>
      <c r="C311" s="15">
        <v>0</v>
      </c>
      <c r="D311" s="15">
        <v>0</v>
      </c>
      <c r="E311" s="15">
        <v>0</v>
      </c>
      <c r="F311" s="15">
        <v>0</v>
      </c>
      <c r="G311" s="15">
        <v>0</v>
      </c>
      <c r="H311" s="15">
        <v>0</v>
      </c>
    </row>
    <row r="312" spans="2:8" ht="15" customHeight="1">
      <c r="B312" s="5" t="s">
        <v>53</v>
      </c>
      <c r="C312" s="11">
        <v>512</v>
      </c>
      <c r="D312" s="11">
        <v>1473</v>
      </c>
      <c r="E312" s="11">
        <v>509</v>
      </c>
      <c r="F312" s="11">
        <v>1470</v>
      </c>
      <c r="G312" s="11">
        <v>1021</v>
      </c>
      <c r="H312" s="11">
        <v>2943</v>
      </c>
    </row>
    <row r="313" spans="2:8" ht="15" customHeight="1">
      <c r="B313" s="16" t="s">
        <v>75</v>
      </c>
      <c r="C313" s="17">
        <v>296</v>
      </c>
      <c r="D313" s="17">
        <v>849</v>
      </c>
      <c r="E313" s="17">
        <v>299</v>
      </c>
      <c r="F313" s="17">
        <v>851</v>
      </c>
      <c r="G313" s="17">
        <v>595</v>
      </c>
      <c r="H313" s="17">
        <v>1700</v>
      </c>
    </row>
    <row r="314" spans="2:8" ht="15" customHeight="1">
      <c r="B314" s="14" t="s">
        <v>76</v>
      </c>
      <c r="C314" s="12">
        <v>296</v>
      </c>
      <c r="D314" s="12">
        <v>849</v>
      </c>
      <c r="E314" s="12">
        <v>299</v>
      </c>
      <c r="F314" s="12">
        <v>851</v>
      </c>
      <c r="G314" s="12">
        <v>595</v>
      </c>
      <c r="H314" s="12">
        <v>1700</v>
      </c>
    </row>
    <row r="315" spans="2:8" ht="15" customHeight="1">
      <c r="B315" s="9" t="s">
        <v>77</v>
      </c>
      <c r="C315" s="13">
        <v>245</v>
      </c>
      <c r="D315" s="13">
        <v>685</v>
      </c>
      <c r="E315" s="13">
        <v>249</v>
      </c>
      <c r="F315" s="13">
        <v>691</v>
      </c>
      <c r="G315" s="13">
        <v>494</v>
      </c>
      <c r="H315" s="13">
        <v>1376</v>
      </c>
    </row>
    <row r="316" spans="2:8" ht="15" customHeight="1">
      <c r="B316" s="9" t="s">
        <v>78</v>
      </c>
      <c r="C316" s="13">
        <v>51</v>
      </c>
      <c r="D316" s="13">
        <v>164</v>
      </c>
      <c r="E316" s="13">
        <v>50</v>
      </c>
      <c r="F316" s="13">
        <v>160</v>
      </c>
      <c r="G316" s="13">
        <v>101</v>
      </c>
      <c r="H316" s="13">
        <v>324</v>
      </c>
    </row>
    <row r="317" spans="2:8" ht="15" customHeight="1">
      <c r="B317" s="7" t="s">
        <v>79</v>
      </c>
      <c r="C317" s="12">
        <v>0</v>
      </c>
      <c r="D317" s="12">
        <v>0</v>
      </c>
      <c r="E317" s="12">
        <v>0</v>
      </c>
      <c r="F317" s="12">
        <v>0</v>
      </c>
      <c r="G317" s="12">
        <v>0</v>
      </c>
      <c r="H317" s="12">
        <v>0</v>
      </c>
    </row>
    <row r="318" spans="2:8" ht="15" customHeight="1">
      <c r="B318" s="16" t="s">
        <v>80</v>
      </c>
      <c r="C318" s="17">
        <v>216</v>
      </c>
      <c r="D318" s="17">
        <v>624</v>
      </c>
      <c r="E318" s="17">
        <v>210</v>
      </c>
      <c r="F318" s="17">
        <v>619</v>
      </c>
      <c r="G318" s="17">
        <v>426</v>
      </c>
      <c r="H318" s="17">
        <v>1243</v>
      </c>
    </row>
    <row r="319" spans="2:8" ht="15" customHeight="1">
      <c r="B319" s="14" t="s">
        <v>76</v>
      </c>
      <c r="C319" s="15">
        <v>216</v>
      </c>
      <c r="D319" s="15">
        <v>623</v>
      </c>
      <c r="E319" s="15">
        <v>210</v>
      </c>
      <c r="F319" s="15">
        <v>618</v>
      </c>
      <c r="G319" s="15">
        <v>426</v>
      </c>
      <c r="H319" s="15">
        <v>1241</v>
      </c>
    </row>
    <row r="320" spans="2:8" ht="15" customHeight="1">
      <c r="B320" s="14" t="s">
        <v>79</v>
      </c>
      <c r="C320" s="15">
        <v>0</v>
      </c>
      <c r="D320" s="15">
        <v>1</v>
      </c>
      <c r="E320" s="15">
        <v>0</v>
      </c>
      <c r="F320" s="15">
        <v>1</v>
      </c>
      <c r="G320" s="15">
        <v>0</v>
      </c>
      <c r="H320" s="15">
        <v>2</v>
      </c>
    </row>
    <row r="321" spans="2:8" ht="15" customHeight="1">
      <c r="B321" s="5" t="s">
        <v>54</v>
      </c>
      <c r="C321" s="11">
        <v>67</v>
      </c>
      <c r="D321" s="11">
        <v>181</v>
      </c>
      <c r="E321" s="11">
        <v>65</v>
      </c>
      <c r="F321" s="11">
        <v>181</v>
      </c>
      <c r="G321" s="11">
        <v>132</v>
      </c>
      <c r="H321" s="11">
        <v>362</v>
      </c>
    </row>
    <row r="322" spans="2:8" ht="15" customHeight="1">
      <c r="B322" s="16" t="s">
        <v>75</v>
      </c>
      <c r="C322" s="17">
        <v>25</v>
      </c>
      <c r="D322" s="17">
        <v>73</v>
      </c>
      <c r="E322" s="17">
        <v>25</v>
      </c>
      <c r="F322" s="17">
        <v>73</v>
      </c>
      <c r="G322" s="17">
        <v>50</v>
      </c>
      <c r="H322" s="17">
        <v>146</v>
      </c>
    </row>
    <row r="323" spans="2:8" ht="15" customHeight="1">
      <c r="B323" s="14" t="s">
        <v>76</v>
      </c>
      <c r="C323" s="12">
        <v>25</v>
      </c>
      <c r="D323" s="12">
        <v>73</v>
      </c>
      <c r="E323" s="12">
        <v>25</v>
      </c>
      <c r="F323" s="12">
        <v>73</v>
      </c>
      <c r="G323" s="12">
        <v>50</v>
      </c>
      <c r="H323" s="12">
        <v>146</v>
      </c>
    </row>
    <row r="324" spans="2:8" ht="15" customHeight="1">
      <c r="B324" s="9" t="s">
        <v>77</v>
      </c>
      <c r="C324" s="13">
        <v>25</v>
      </c>
      <c r="D324" s="13">
        <v>73</v>
      </c>
      <c r="E324" s="13">
        <v>25</v>
      </c>
      <c r="F324" s="13">
        <v>73</v>
      </c>
      <c r="G324" s="13">
        <v>50</v>
      </c>
      <c r="H324" s="13">
        <v>146</v>
      </c>
    </row>
    <row r="325" spans="2:8" ht="15" customHeight="1">
      <c r="B325" s="9" t="s">
        <v>78</v>
      </c>
      <c r="C325" s="13">
        <v>0</v>
      </c>
      <c r="D325" s="13">
        <v>0</v>
      </c>
      <c r="E325" s="13">
        <v>0</v>
      </c>
      <c r="F325" s="13">
        <v>0</v>
      </c>
      <c r="G325" s="13">
        <v>0</v>
      </c>
      <c r="H325" s="13">
        <v>0</v>
      </c>
    </row>
    <row r="326" spans="2:8" ht="15" customHeight="1">
      <c r="B326" s="7" t="s">
        <v>79</v>
      </c>
      <c r="C326" s="12">
        <v>0</v>
      </c>
      <c r="D326" s="12">
        <v>0</v>
      </c>
      <c r="E326" s="12">
        <v>0</v>
      </c>
      <c r="F326" s="12">
        <v>0</v>
      </c>
      <c r="G326" s="12">
        <v>0</v>
      </c>
      <c r="H326" s="12">
        <v>0</v>
      </c>
    </row>
    <row r="327" spans="2:8" ht="15" customHeight="1">
      <c r="B327" s="16" t="s">
        <v>80</v>
      </c>
      <c r="C327" s="17">
        <v>42</v>
      </c>
      <c r="D327" s="17">
        <v>108</v>
      </c>
      <c r="E327" s="17">
        <v>40</v>
      </c>
      <c r="F327" s="17">
        <v>108</v>
      </c>
      <c r="G327" s="17">
        <v>82</v>
      </c>
      <c r="H327" s="17">
        <v>216</v>
      </c>
    </row>
    <row r="328" spans="2:8" ht="15" customHeight="1">
      <c r="B328" s="14" t="s">
        <v>76</v>
      </c>
      <c r="C328" s="15">
        <v>38</v>
      </c>
      <c r="D328" s="15">
        <v>98</v>
      </c>
      <c r="E328" s="15">
        <v>37</v>
      </c>
      <c r="F328" s="15">
        <v>99</v>
      </c>
      <c r="G328" s="15">
        <v>75</v>
      </c>
      <c r="H328" s="15">
        <v>197</v>
      </c>
    </row>
    <row r="329" spans="2:8" ht="15" customHeight="1">
      <c r="B329" s="14" t="s">
        <v>79</v>
      </c>
      <c r="C329" s="15">
        <v>4</v>
      </c>
      <c r="D329" s="15">
        <v>10</v>
      </c>
      <c r="E329" s="15">
        <v>3</v>
      </c>
      <c r="F329" s="15">
        <v>9</v>
      </c>
      <c r="G329" s="15">
        <v>7</v>
      </c>
      <c r="H329" s="15">
        <v>19</v>
      </c>
    </row>
    <row r="330" spans="2:8" ht="15" customHeight="1">
      <c r="B330" s="5" t="s">
        <v>55</v>
      </c>
      <c r="C330" s="11">
        <v>245</v>
      </c>
      <c r="D330" s="11">
        <v>704</v>
      </c>
      <c r="E330" s="11">
        <v>245</v>
      </c>
      <c r="F330" s="11">
        <v>702</v>
      </c>
      <c r="G330" s="11">
        <v>490</v>
      </c>
      <c r="H330" s="11">
        <v>1406</v>
      </c>
    </row>
    <row r="331" spans="2:8" ht="15" customHeight="1">
      <c r="B331" s="16" t="s">
        <v>75</v>
      </c>
      <c r="C331" s="17">
        <v>146</v>
      </c>
      <c r="D331" s="17">
        <v>459</v>
      </c>
      <c r="E331" s="17">
        <v>149</v>
      </c>
      <c r="F331" s="17">
        <v>464</v>
      </c>
      <c r="G331" s="17">
        <v>295</v>
      </c>
      <c r="H331" s="17">
        <v>923</v>
      </c>
    </row>
    <row r="332" spans="2:8" ht="15" customHeight="1">
      <c r="B332" s="14" t="s">
        <v>76</v>
      </c>
      <c r="C332" s="12">
        <v>142</v>
      </c>
      <c r="D332" s="12">
        <v>454</v>
      </c>
      <c r="E332" s="12">
        <v>145</v>
      </c>
      <c r="F332" s="12">
        <v>459</v>
      </c>
      <c r="G332" s="12">
        <v>287</v>
      </c>
      <c r="H332" s="12">
        <v>913</v>
      </c>
    </row>
    <row r="333" spans="2:8" ht="15" customHeight="1">
      <c r="B333" s="9" t="s">
        <v>77</v>
      </c>
      <c r="C333" s="13">
        <v>142</v>
      </c>
      <c r="D333" s="13">
        <v>454</v>
      </c>
      <c r="E333" s="13">
        <v>145</v>
      </c>
      <c r="F333" s="13">
        <v>459</v>
      </c>
      <c r="G333" s="13">
        <v>287</v>
      </c>
      <c r="H333" s="13">
        <v>913</v>
      </c>
    </row>
    <row r="334" spans="2:8" ht="15" customHeight="1">
      <c r="B334" s="9" t="s">
        <v>78</v>
      </c>
      <c r="C334" s="13">
        <v>0</v>
      </c>
      <c r="D334" s="13">
        <v>0</v>
      </c>
      <c r="E334" s="13">
        <v>0</v>
      </c>
      <c r="F334" s="13">
        <v>0</v>
      </c>
      <c r="G334" s="13">
        <v>0</v>
      </c>
      <c r="H334" s="13">
        <v>0</v>
      </c>
    </row>
    <row r="335" spans="2:8" ht="15" customHeight="1">
      <c r="B335" s="7" t="s">
        <v>79</v>
      </c>
      <c r="C335" s="12">
        <v>4</v>
      </c>
      <c r="D335" s="12">
        <v>5</v>
      </c>
      <c r="E335" s="12">
        <v>4</v>
      </c>
      <c r="F335" s="12">
        <v>5</v>
      </c>
      <c r="G335" s="12">
        <v>8</v>
      </c>
      <c r="H335" s="12">
        <v>10</v>
      </c>
    </row>
    <row r="336" spans="2:8" ht="15" customHeight="1">
      <c r="B336" s="16" t="s">
        <v>80</v>
      </c>
      <c r="C336" s="17">
        <v>99</v>
      </c>
      <c r="D336" s="17">
        <v>245</v>
      </c>
      <c r="E336" s="17">
        <v>96</v>
      </c>
      <c r="F336" s="17">
        <v>238</v>
      </c>
      <c r="G336" s="17">
        <v>195</v>
      </c>
      <c r="H336" s="17">
        <v>483</v>
      </c>
    </row>
    <row r="337" spans="2:8" ht="15" customHeight="1">
      <c r="B337" s="14" t="s">
        <v>76</v>
      </c>
      <c r="C337" s="15">
        <v>99</v>
      </c>
      <c r="D337" s="15">
        <v>245</v>
      </c>
      <c r="E337" s="15">
        <v>96</v>
      </c>
      <c r="F337" s="15">
        <v>238</v>
      </c>
      <c r="G337" s="15">
        <v>195</v>
      </c>
      <c r="H337" s="15">
        <v>483</v>
      </c>
    </row>
    <row r="338" spans="2:8" ht="15" customHeight="1">
      <c r="B338" s="14" t="s">
        <v>79</v>
      </c>
      <c r="C338" s="15">
        <v>0</v>
      </c>
      <c r="D338" s="15">
        <v>0</v>
      </c>
      <c r="E338" s="15">
        <v>0</v>
      </c>
      <c r="F338" s="15">
        <v>0</v>
      </c>
      <c r="G338" s="15">
        <v>0</v>
      </c>
      <c r="H338" s="15">
        <v>0</v>
      </c>
    </row>
    <row r="339" spans="2:8" ht="15" customHeight="1">
      <c r="B339" s="5" t="s">
        <v>56</v>
      </c>
      <c r="C339" s="11">
        <v>120</v>
      </c>
      <c r="D339" s="11">
        <v>296</v>
      </c>
      <c r="E339" s="11">
        <v>123</v>
      </c>
      <c r="F339" s="11">
        <v>292</v>
      </c>
      <c r="G339" s="11">
        <v>243</v>
      </c>
      <c r="H339" s="11">
        <v>588</v>
      </c>
    </row>
    <row r="340" spans="2:8" ht="15" customHeight="1">
      <c r="B340" s="16" t="s">
        <v>75</v>
      </c>
      <c r="C340" s="17">
        <v>0</v>
      </c>
      <c r="D340" s="17">
        <v>0</v>
      </c>
      <c r="E340" s="17">
        <v>0</v>
      </c>
      <c r="F340" s="17">
        <v>0</v>
      </c>
      <c r="G340" s="17">
        <v>0</v>
      </c>
      <c r="H340" s="17">
        <v>0</v>
      </c>
    </row>
    <row r="341" spans="2:8" ht="15" customHeight="1">
      <c r="B341" s="14" t="s">
        <v>76</v>
      </c>
      <c r="C341" s="12">
        <v>0</v>
      </c>
      <c r="D341" s="12">
        <v>0</v>
      </c>
      <c r="E341" s="12">
        <v>0</v>
      </c>
      <c r="F341" s="12">
        <v>0</v>
      </c>
      <c r="G341" s="12">
        <v>0</v>
      </c>
      <c r="H341" s="12">
        <v>0</v>
      </c>
    </row>
    <row r="342" spans="2:8" ht="15" customHeight="1">
      <c r="B342" s="9" t="s">
        <v>77</v>
      </c>
      <c r="C342" s="13">
        <v>0</v>
      </c>
      <c r="D342" s="13">
        <v>0</v>
      </c>
      <c r="E342" s="13">
        <v>0</v>
      </c>
      <c r="F342" s="13">
        <v>0</v>
      </c>
      <c r="G342" s="13">
        <v>0</v>
      </c>
      <c r="H342" s="13">
        <v>0</v>
      </c>
    </row>
    <row r="343" spans="2:8" ht="15" customHeight="1">
      <c r="B343" s="9" t="s">
        <v>78</v>
      </c>
      <c r="C343" s="13">
        <v>0</v>
      </c>
      <c r="D343" s="13">
        <v>0</v>
      </c>
      <c r="E343" s="13">
        <v>0</v>
      </c>
      <c r="F343" s="13">
        <v>0</v>
      </c>
      <c r="G343" s="13">
        <v>0</v>
      </c>
      <c r="H343" s="13">
        <v>0</v>
      </c>
    </row>
    <row r="344" spans="2:8" ht="15" customHeight="1">
      <c r="B344" s="7" t="s">
        <v>79</v>
      </c>
      <c r="C344" s="12">
        <v>0</v>
      </c>
      <c r="D344" s="12">
        <v>0</v>
      </c>
      <c r="E344" s="12">
        <v>0</v>
      </c>
      <c r="F344" s="12">
        <v>0</v>
      </c>
      <c r="G344" s="12">
        <v>0</v>
      </c>
      <c r="H344" s="12">
        <v>0</v>
      </c>
    </row>
    <row r="345" spans="2:8" ht="15" customHeight="1">
      <c r="B345" s="16" t="s">
        <v>80</v>
      </c>
      <c r="C345" s="17">
        <v>120</v>
      </c>
      <c r="D345" s="17">
        <v>296</v>
      </c>
      <c r="E345" s="17">
        <v>123</v>
      </c>
      <c r="F345" s="17">
        <v>292</v>
      </c>
      <c r="G345" s="17">
        <v>243</v>
      </c>
      <c r="H345" s="17">
        <v>588</v>
      </c>
    </row>
    <row r="346" spans="2:8" ht="15" customHeight="1">
      <c r="B346" s="14" t="s">
        <v>76</v>
      </c>
      <c r="C346" s="15">
        <v>110</v>
      </c>
      <c r="D346" s="15">
        <v>280</v>
      </c>
      <c r="E346" s="15">
        <v>117</v>
      </c>
      <c r="F346" s="15">
        <v>279</v>
      </c>
      <c r="G346" s="15">
        <v>227</v>
      </c>
      <c r="H346" s="15">
        <v>559</v>
      </c>
    </row>
    <row r="347" spans="2:8" ht="15" customHeight="1">
      <c r="B347" s="14" t="s">
        <v>79</v>
      </c>
      <c r="C347" s="15">
        <v>10</v>
      </c>
      <c r="D347" s="15">
        <v>16</v>
      </c>
      <c r="E347" s="15">
        <v>6</v>
      </c>
      <c r="F347" s="15">
        <v>13</v>
      </c>
      <c r="G347" s="15">
        <v>16</v>
      </c>
      <c r="H347" s="15">
        <v>29</v>
      </c>
    </row>
    <row r="348" spans="2:8" ht="15" customHeight="1">
      <c r="B348" s="5" t="s">
        <v>57</v>
      </c>
      <c r="C348" s="11">
        <v>859</v>
      </c>
      <c r="D348" s="11">
        <v>2161</v>
      </c>
      <c r="E348" s="11">
        <v>877</v>
      </c>
      <c r="F348" s="11">
        <v>2166</v>
      </c>
      <c r="G348" s="11">
        <v>1736</v>
      </c>
      <c r="H348" s="11">
        <v>4327</v>
      </c>
    </row>
    <row r="349" spans="2:8" ht="15" customHeight="1">
      <c r="B349" s="16" t="s">
        <v>75</v>
      </c>
      <c r="C349" s="17">
        <v>0</v>
      </c>
      <c r="D349" s="17">
        <v>0</v>
      </c>
      <c r="E349" s="17">
        <v>0</v>
      </c>
      <c r="F349" s="17">
        <v>0</v>
      </c>
      <c r="G349" s="17">
        <v>0</v>
      </c>
      <c r="H349" s="17">
        <v>0</v>
      </c>
    </row>
    <row r="350" spans="2:8" ht="15" customHeight="1">
      <c r="B350" s="14" t="s">
        <v>76</v>
      </c>
      <c r="C350" s="12">
        <v>0</v>
      </c>
      <c r="D350" s="12">
        <v>0</v>
      </c>
      <c r="E350" s="12">
        <v>0</v>
      </c>
      <c r="F350" s="12">
        <v>0</v>
      </c>
      <c r="G350" s="12">
        <v>0</v>
      </c>
      <c r="H350" s="12">
        <v>0</v>
      </c>
    </row>
    <row r="351" spans="2:8" ht="15" customHeight="1">
      <c r="B351" s="9" t="s">
        <v>77</v>
      </c>
      <c r="C351" s="13">
        <v>0</v>
      </c>
      <c r="D351" s="13">
        <v>0</v>
      </c>
      <c r="E351" s="13">
        <v>0</v>
      </c>
      <c r="F351" s="13">
        <v>0</v>
      </c>
      <c r="G351" s="13">
        <v>0</v>
      </c>
      <c r="H351" s="13">
        <v>0</v>
      </c>
    </row>
    <row r="352" spans="2:8" ht="15" customHeight="1">
      <c r="B352" s="9" t="s">
        <v>78</v>
      </c>
      <c r="C352" s="13">
        <v>0</v>
      </c>
      <c r="D352" s="13">
        <v>0</v>
      </c>
      <c r="E352" s="13">
        <v>0</v>
      </c>
      <c r="F352" s="13">
        <v>0</v>
      </c>
      <c r="G352" s="13">
        <v>0</v>
      </c>
      <c r="H352" s="13">
        <v>0</v>
      </c>
    </row>
    <row r="353" spans="2:8" ht="15" customHeight="1">
      <c r="B353" s="7" t="s">
        <v>79</v>
      </c>
      <c r="C353" s="12">
        <v>0</v>
      </c>
      <c r="D353" s="12">
        <v>0</v>
      </c>
      <c r="E353" s="12">
        <v>0</v>
      </c>
      <c r="F353" s="12">
        <v>0</v>
      </c>
      <c r="G353" s="12">
        <v>0</v>
      </c>
      <c r="H353" s="12">
        <v>0</v>
      </c>
    </row>
    <row r="354" spans="2:8" ht="15" customHeight="1">
      <c r="B354" s="16" t="s">
        <v>80</v>
      </c>
      <c r="C354" s="17">
        <v>859</v>
      </c>
      <c r="D354" s="17">
        <v>2161</v>
      </c>
      <c r="E354" s="17">
        <v>877</v>
      </c>
      <c r="F354" s="17">
        <v>2166</v>
      </c>
      <c r="G354" s="17">
        <v>1736</v>
      </c>
      <c r="H354" s="17">
        <v>4327</v>
      </c>
    </row>
    <row r="355" spans="2:8" ht="15" customHeight="1">
      <c r="B355" s="14" t="s">
        <v>76</v>
      </c>
      <c r="C355" s="15">
        <v>850</v>
      </c>
      <c r="D355" s="15">
        <v>2148</v>
      </c>
      <c r="E355" s="15">
        <v>868</v>
      </c>
      <c r="F355" s="15">
        <v>2153</v>
      </c>
      <c r="G355" s="15">
        <v>1718</v>
      </c>
      <c r="H355" s="15">
        <v>4301</v>
      </c>
    </row>
    <row r="356" spans="2:8" ht="15" customHeight="1">
      <c r="B356" s="14" t="s">
        <v>79</v>
      </c>
      <c r="C356" s="15">
        <v>9</v>
      </c>
      <c r="D356" s="15">
        <v>13</v>
      </c>
      <c r="E356" s="15">
        <v>9</v>
      </c>
      <c r="F356" s="15">
        <v>13</v>
      </c>
      <c r="G356" s="15">
        <v>18</v>
      </c>
      <c r="H356" s="15">
        <v>26</v>
      </c>
    </row>
    <row r="357" spans="2:8" ht="15" customHeight="1">
      <c r="B357" s="5" t="s">
        <v>58</v>
      </c>
      <c r="C357" s="11">
        <v>543</v>
      </c>
      <c r="D357" s="11">
        <v>1522</v>
      </c>
      <c r="E357" s="11">
        <v>546</v>
      </c>
      <c r="F357" s="11">
        <v>1528</v>
      </c>
      <c r="G357" s="11">
        <v>1089</v>
      </c>
      <c r="H357" s="11">
        <v>3050</v>
      </c>
    </row>
    <row r="358" spans="2:8" ht="15" customHeight="1">
      <c r="B358" s="16" t="s">
        <v>75</v>
      </c>
      <c r="C358" s="17">
        <v>291</v>
      </c>
      <c r="D358" s="17">
        <v>905</v>
      </c>
      <c r="E358" s="17">
        <v>288</v>
      </c>
      <c r="F358" s="17">
        <v>902</v>
      </c>
      <c r="G358" s="17">
        <v>579</v>
      </c>
      <c r="H358" s="17">
        <v>1807</v>
      </c>
    </row>
    <row r="359" spans="2:8" ht="15" customHeight="1">
      <c r="B359" s="14" t="s">
        <v>76</v>
      </c>
      <c r="C359" s="12">
        <v>291</v>
      </c>
      <c r="D359" s="12">
        <v>905</v>
      </c>
      <c r="E359" s="12">
        <v>288</v>
      </c>
      <c r="F359" s="12">
        <v>902</v>
      </c>
      <c r="G359" s="12">
        <v>579</v>
      </c>
      <c r="H359" s="12">
        <v>1807</v>
      </c>
    </row>
    <row r="360" spans="2:8" ht="15" customHeight="1">
      <c r="B360" s="9" t="s">
        <v>77</v>
      </c>
      <c r="C360" s="13">
        <v>291</v>
      </c>
      <c r="D360" s="13">
        <v>905</v>
      </c>
      <c r="E360" s="13">
        <v>288</v>
      </c>
      <c r="F360" s="13">
        <v>902</v>
      </c>
      <c r="G360" s="13">
        <v>579</v>
      </c>
      <c r="H360" s="13">
        <v>1807</v>
      </c>
    </row>
    <row r="361" spans="2:8" ht="15" customHeight="1">
      <c r="B361" s="9" t="s">
        <v>78</v>
      </c>
      <c r="C361" s="13">
        <v>0</v>
      </c>
      <c r="D361" s="13">
        <v>0</v>
      </c>
      <c r="E361" s="13">
        <v>0</v>
      </c>
      <c r="F361" s="13">
        <v>0</v>
      </c>
      <c r="G361" s="13">
        <v>0</v>
      </c>
      <c r="H361" s="13">
        <v>0</v>
      </c>
    </row>
    <row r="362" spans="2:8" ht="15" customHeight="1">
      <c r="B362" s="7" t="s">
        <v>79</v>
      </c>
      <c r="C362" s="12">
        <v>0</v>
      </c>
      <c r="D362" s="12">
        <v>0</v>
      </c>
      <c r="E362" s="12">
        <v>0</v>
      </c>
      <c r="F362" s="12">
        <v>0</v>
      </c>
      <c r="G362" s="12">
        <v>0</v>
      </c>
      <c r="H362" s="12">
        <v>0</v>
      </c>
    </row>
    <row r="363" spans="2:8" ht="15" customHeight="1">
      <c r="B363" s="16" t="s">
        <v>80</v>
      </c>
      <c r="C363" s="17">
        <v>252</v>
      </c>
      <c r="D363" s="17">
        <v>617</v>
      </c>
      <c r="E363" s="17">
        <v>258</v>
      </c>
      <c r="F363" s="17">
        <v>626</v>
      </c>
      <c r="G363" s="17">
        <v>510</v>
      </c>
      <c r="H363" s="17">
        <v>1243</v>
      </c>
    </row>
    <row r="364" spans="2:8" ht="15" customHeight="1">
      <c r="B364" s="14" t="s">
        <v>76</v>
      </c>
      <c r="C364" s="15">
        <v>252</v>
      </c>
      <c r="D364" s="15">
        <v>617</v>
      </c>
      <c r="E364" s="15">
        <v>258</v>
      </c>
      <c r="F364" s="15">
        <v>626</v>
      </c>
      <c r="G364" s="15">
        <v>510</v>
      </c>
      <c r="H364" s="15">
        <v>1243</v>
      </c>
    </row>
    <row r="365" spans="2:8" ht="15" customHeight="1">
      <c r="B365" s="14" t="s">
        <v>79</v>
      </c>
      <c r="C365" s="15">
        <v>0</v>
      </c>
      <c r="D365" s="15">
        <v>0</v>
      </c>
      <c r="E365" s="15">
        <v>0</v>
      </c>
      <c r="F365" s="15">
        <v>0</v>
      </c>
      <c r="G365" s="15">
        <v>0</v>
      </c>
      <c r="H365" s="15">
        <v>0</v>
      </c>
    </row>
    <row r="366" spans="2:8" ht="15" customHeight="1">
      <c r="B366" s="5" t="s">
        <v>59</v>
      </c>
      <c r="C366" s="11">
        <v>237</v>
      </c>
      <c r="D366" s="11">
        <v>675</v>
      </c>
      <c r="E366" s="11">
        <v>237</v>
      </c>
      <c r="F366" s="11">
        <v>679</v>
      </c>
      <c r="G366" s="11">
        <v>474</v>
      </c>
      <c r="H366" s="11">
        <v>1354</v>
      </c>
    </row>
    <row r="367" spans="2:8" ht="15" customHeight="1">
      <c r="B367" s="16" t="s">
        <v>75</v>
      </c>
      <c r="C367" s="17">
        <v>120</v>
      </c>
      <c r="D367" s="17">
        <v>342</v>
      </c>
      <c r="E367" s="17">
        <v>120</v>
      </c>
      <c r="F367" s="17">
        <v>344</v>
      </c>
      <c r="G367" s="17">
        <v>240</v>
      </c>
      <c r="H367" s="17">
        <v>686</v>
      </c>
    </row>
    <row r="368" spans="2:8" ht="15" customHeight="1">
      <c r="B368" s="14" t="s">
        <v>76</v>
      </c>
      <c r="C368" s="12">
        <v>120</v>
      </c>
      <c r="D368" s="12">
        <v>342</v>
      </c>
      <c r="E368" s="12">
        <v>120</v>
      </c>
      <c r="F368" s="12">
        <v>344</v>
      </c>
      <c r="G368" s="12">
        <v>240</v>
      </c>
      <c r="H368" s="12">
        <v>686</v>
      </c>
    </row>
    <row r="369" spans="2:8" ht="15" customHeight="1">
      <c r="B369" s="9" t="s">
        <v>77</v>
      </c>
      <c r="C369" s="13">
        <v>120</v>
      </c>
      <c r="D369" s="13">
        <v>342</v>
      </c>
      <c r="E369" s="13">
        <v>120</v>
      </c>
      <c r="F369" s="13">
        <v>344</v>
      </c>
      <c r="G369" s="13">
        <v>240</v>
      </c>
      <c r="H369" s="13">
        <v>686</v>
      </c>
    </row>
    <row r="370" spans="2:8" ht="15" customHeight="1">
      <c r="B370" s="9" t="s">
        <v>78</v>
      </c>
      <c r="C370" s="13">
        <v>0</v>
      </c>
      <c r="D370" s="13">
        <v>0</v>
      </c>
      <c r="E370" s="13">
        <v>0</v>
      </c>
      <c r="F370" s="13">
        <v>0</v>
      </c>
      <c r="G370" s="13">
        <v>0</v>
      </c>
      <c r="H370" s="13">
        <v>0</v>
      </c>
    </row>
    <row r="371" spans="2:8" ht="15" customHeight="1">
      <c r="B371" s="7" t="s">
        <v>79</v>
      </c>
      <c r="C371" s="12">
        <v>0</v>
      </c>
      <c r="D371" s="12">
        <v>0</v>
      </c>
      <c r="E371" s="12">
        <v>0</v>
      </c>
      <c r="F371" s="12">
        <v>0</v>
      </c>
      <c r="G371" s="12">
        <v>0</v>
      </c>
      <c r="H371" s="12">
        <v>0</v>
      </c>
    </row>
    <row r="372" spans="2:8" ht="15" customHeight="1">
      <c r="B372" s="16" t="s">
        <v>80</v>
      </c>
      <c r="C372" s="17">
        <v>117</v>
      </c>
      <c r="D372" s="17">
        <v>333</v>
      </c>
      <c r="E372" s="17">
        <v>117</v>
      </c>
      <c r="F372" s="17">
        <v>335</v>
      </c>
      <c r="G372" s="17">
        <v>234</v>
      </c>
      <c r="H372" s="17">
        <v>668</v>
      </c>
    </row>
    <row r="373" spans="2:8" ht="15" customHeight="1">
      <c r="B373" s="14" t="s">
        <v>76</v>
      </c>
      <c r="C373" s="15">
        <v>115</v>
      </c>
      <c r="D373" s="15">
        <v>329</v>
      </c>
      <c r="E373" s="15">
        <v>115</v>
      </c>
      <c r="F373" s="15">
        <v>331</v>
      </c>
      <c r="G373" s="15">
        <v>230</v>
      </c>
      <c r="H373" s="15">
        <v>660</v>
      </c>
    </row>
    <row r="374" spans="2:8" ht="15" customHeight="1">
      <c r="B374" s="14" t="s">
        <v>79</v>
      </c>
      <c r="C374" s="15">
        <v>2</v>
      </c>
      <c r="D374" s="15">
        <v>4</v>
      </c>
      <c r="E374" s="15">
        <v>2</v>
      </c>
      <c r="F374" s="15">
        <v>4</v>
      </c>
      <c r="G374" s="15">
        <v>4</v>
      </c>
      <c r="H374" s="15">
        <v>8</v>
      </c>
    </row>
    <row r="375" spans="2:8" ht="15" customHeight="1">
      <c r="B375" s="5" t="s">
        <v>60</v>
      </c>
      <c r="C375" s="11">
        <v>3226</v>
      </c>
      <c r="D375" s="11">
        <v>9960</v>
      </c>
      <c r="E375" s="11">
        <v>3233</v>
      </c>
      <c r="F375" s="11">
        <v>9977</v>
      </c>
      <c r="G375" s="11">
        <v>6459</v>
      </c>
      <c r="H375" s="11">
        <v>19937</v>
      </c>
    </row>
    <row r="376" spans="2:8" ht="15" customHeight="1">
      <c r="B376" s="16" t="s">
        <v>75</v>
      </c>
      <c r="C376" s="17">
        <v>2743</v>
      </c>
      <c r="D376" s="17">
        <v>8252</v>
      </c>
      <c r="E376" s="17">
        <v>2714</v>
      </c>
      <c r="F376" s="17">
        <v>8230</v>
      </c>
      <c r="G376" s="17">
        <v>5457</v>
      </c>
      <c r="H376" s="17">
        <v>16482</v>
      </c>
    </row>
    <row r="377" spans="2:8" ht="15" customHeight="1">
      <c r="B377" s="14" t="s">
        <v>76</v>
      </c>
      <c r="C377" s="12">
        <v>2617</v>
      </c>
      <c r="D377" s="12">
        <v>7890</v>
      </c>
      <c r="E377" s="12">
        <v>2582</v>
      </c>
      <c r="F377" s="12">
        <v>7862</v>
      </c>
      <c r="G377" s="12">
        <v>5199</v>
      </c>
      <c r="H377" s="12">
        <v>15752</v>
      </c>
    </row>
    <row r="378" spans="2:8" ht="15" customHeight="1">
      <c r="B378" s="9" t="s">
        <v>77</v>
      </c>
      <c r="C378" s="13">
        <v>1634</v>
      </c>
      <c r="D378" s="13">
        <v>5029</v>
      </c>
      <c r="E378" s="13">
        <v>1676</v>
      </c>
      <c r="F378" s="13">
        <v>5153</v>
      </c>
      <c r="G378" s="13">
        <v>3310</v>
      </c>
      <c r="H378" s="13">
        <v>10182</v>
      </c>
    </row>
    <row r="379" spans="2:8" ht="15" customHeight="1">
      <c r="B379" s="9" t="s">
        <v>78</v>
      </c>
      <c r="C379" s="13">
        <v>983</v>
      </c>
      <c r="D379" s="13">
        <v>2861</v>
      </c>
      <c r="E379" s="13">
        <v>906</v>
      </c>
      <c r="F379" s="13">
        <v>2709</v>
      </c>
      <c r="G379" s="13">
        <v>1889</v>
      </c>
      <c r="H379" s="13">
        <v>5570</v>
      </c>
    </row>
    <row r="380" spans="2:8" ht="15" customHeight="1">
      <c r="B380" s="7" t="s">
        <v>79</v>
      </c>
      <c r="C380" s="12">
        <v>126</v>
      </c>
      <c r="D380" s="12">
        <v>362</v>
      </c>
      <c r="E380" s="12">
        <v>132</v>
      </c>
      <c r="F380" s="12">
        <v>368</v>
      </c>
      <c r="G380" s="12">
        <v>258</v>
      </c>
      <c r="H380" s="12">
        <v>730</v>
      </c>
    </row>
    <row r="381" spans="2:8" ht="15" customHeight="1">
      <c r="B381" s="16" t="s">
        <v>80</v>
      </c>
      <c r="C381" s="17">
        <v>483</v>
      </c>
      <c r="D381" s="17">
        <v>1708</v>
      </c>
      <c r="E381" s="17">
        <v>519</v>
      </c>
      <c r="F381" s="17">
        <v>1747</v>
      </c>
      <c r="G381" s="17">
        <v>1002</v>
      </c>
      <c r="H381" s="17">
        <v>3455</v>
      </c>
    </row>
    <row r="382" spans="2:8" ht="15" customHeight="1">
      <c r="B382" s="14" t="s">
        <v>76</v>
      </c>
      <c r="C382" s="15">
        <v>458</v>
      </c>
      <c r="D382" s="15">
        <v>1630</v>
      </c>
      <c r="E382" s="15">
        <v>497</v>
      </c>
      <c r="F382" s="15">
        <v>1679</v>
      </c>
      <c r="G382" s="15">
        <v>955</v>
      </c>
      <c r="H382" s="15">
        <v>3309</v>
      </c>
    </row>
    <row r="383" spans="2:8" ht="15" customHeight="1">
      <c r="B383" s="14" t="s">
        <v>79</v>
      </c>
      <c r="C383" s="15">
        <v>25</v>
      </c>
      <c r="D383" s="15">
        <v>78</v>
      </c>
      <c r="E383" s="15">
        <v>22</v>
      </c>
      <c r="F383" s="15">
        <v>68</v>
      </c>
      <c r="G383" s="15">
        <v>47</v>
      </c>
      <c r="H383" s="15">
        <v>146</v>
      </c>
    </row>
    <row r="384" spans="2:8" ht="15" customHeight="1">
      <c r="B384" s="5" t="s">
        <v>61</v>
      </c>
      <c r="C384" s="11">
        <v>4425</v>
      </c>
      <c r="D384" s="11">
        <v>12704</v>
      </c>
      <c r="E384" s="11">
        <v>4433</v>
      </c>
      <c r="F384" s="11">
        <v>12710</v>
      </c>
      <c r="G384" s="11">
        <v>8858</v>
      </c>
      <c r="H384" s="11">
        <v>25414</v>
      </c>
    </row>
    <row r="385" spans="2:8" ht="15" customHeight="1">
      <c r="B385" s="16" t="s">
        <v>75</v>
      </c>
      <c r="C385" s="17">
        <v>3774</v>
      </c>
      <c r="D385" s="17">
        <v>10786</v>
      </c>
      <c r="E385" s="17">
        <v>3798</v>
      </c>
      <c r="F385" s="17">
        <v>10853</v>
      </c>
      <c r="G385" s="17">
        <v>7572</v>
      </c>
      <c r="H385" s="17">
        <v>21639</v>
      </c>
    </row>
    <row r="386" spans="2:8" ht="15" customHeight="1">
      <c r="B386" s="14" t="s">
        <v>76</v>
      </c>
      <c r="C386" s="12">
        <v>3774</v>
      </c>
      <c r="D386" s="12">
        <v>10786</v>
      </c>
      <c r="E386" s="12">
        <v>3798</v>
      </c>
      <c r="F386" s="12">
        <v>10853</v>
      </c>
      <c r="G386" s="12">
        <v>7572</v>
      </c>
      <c r="H386" s="12">
        <v>21639</v>
      </c>
    </row>
    <row r="387" spans="2:8" ht="15" customHeight="1">
      <c r="B387" s="9" t="s">
        <v>77</v>
      </c>
      <c r="C387" s="13">
        <v>3774</v>
      </c>
      <c r="D387" s="13">
        <v>10786</v>
      </c>
      <c r="E387" s="13">
        <v>3798</v>
      </c>
      <c r="F387" s="13">
        <v>10853</v>
      </c>
      <c r="G387" s="13">
        <v>7572</v>
      </c>
      <c r="H387" s="13">
        <v>21639</v>
      </c>
    </row>
    <row r="388" spans="2:8" ht="15" customHeight="1">
      <c r="B388" s="9" t="s">
        <v>78</v>
      </c>
      <c r="C388" s="13">
        <v>0</v>
      </c>
      <c r="D388" s="13">
        <v>0</v>
      </c>
      <c r="E388" s="13">
        <v>0</v>
      </c>
      <c r="F388" s="13">
        <v>0</v>
      </c>
      <c r="G388" s="13">
        <v>0</v>
      </c>
      <c r="H388" s="13">
        <v>0</v>
      </c>
    </row>
    <row r="389" spans="2:8" ht="15" customHeight="1">
      <c r="B389" s="7" t="s">
        <v>79</v>
      </c>
      <c r="C389" s="12">
        <v>0</v>
      </c>
      <c r="D389" s="12">
        <v>0</v>
      </c>
      <c r="E389" s="12">
        <v>0</v>
      </c>
      <c r="F389" s="12">
        <v>0</v>
      </c>
      <c r="G389" s="12">
        <v>0</v>
      </c>
      <c r="H389" s="12">
        <v>0</v>
      </c>
    </row>
    <row r="390" spans="2:8" ht="15" customHeight="1">
      <c r="B390" s="16" t="s">
        <v>80</v>
      </c>
      <c r="C390" s="17">
        <v>651</v>
      </c>
      <c r="D390" s="17">
        <v>1918</v>
      </c>
      <c r="E390" s="17">
        <v>635</v>
      </c>
      <c r="F390" s="17">
        <v>1857</v>
      </c>
      <c r="G390" s="17">
        <v>1286</v>
      </c>
      <c r="H390" s="17">
        <v>3775</v>
      </c>
    </row>
    <row r="391" spans="2:8" ht="15" customHeight="1">
      <c r="B391" s="14" t="s">
        <v>76</v>
      </c>
      <c r="C391" s="15">
        <v>649</v>
      </c>
      <c r="D391" s="15">
        <v>1912</v>
      </c>
      <c r="E391" s="15">
        <v>633</v>
      </c>
      <c r="F391" s="15">
        <v>1851</v>
      </c>
      <c r="G391" s="15">
        <v>1282</v>
      </c>
      <c r="H391" s="15">
        <v>3763</v>
      </c>
    </row>
    <row r="392" spans="2:8" ht="15" customHeight="1">
      <c r="B392" s="14" t="s">
        <v>79</v>
      </c>
      <c r="C392" s="15">
        <v>2</v>
      </c>
      <c r="D392" s="15">
        <v>6</v>
      </c>
      <c r="E392" s="15">
        <v>2</v>
      </c>
      <c r="F392" s="15">
        <v>6</v>
      </c>
      <c r="G392" s="15">
        <v>4</v>
      </c>
      <c r="H392" s="15">
        <v>12</v>
      </c>
    </row>
    <row r="393" spans="2:8" ht="15" customHeight="1">
      <c r="B393" s="5" t="s">
        <v>62</v>
      </c>
      <c r="C393" s="11">
        <v>457</v>
      </c>
      <c r="D393" s="11">
        <v>1210</v>
      </c>
      <c r="E393" s="11">
        <v>457</v>
      </c>
      <c r="F393" s="11">
        <v>1199</v>
      </c>
      <c r="G393" s="11">
        <v>914</v>
      </c>
      <c r="H393" s="11">
        <v>2409</v>
      </c>
    </row>
    <row r="394" spans="2:8" ht="15" customHeight="1">
      <c r="B394" s="16" t="s">
        <v>75</v>
      </c>
      <c r="C394" s="17">
        <v>0</v>
      </c>
      <c r="D394" s="17">
        <v>0</v>
      </c>
      <c r="E394" s="17">
        <v>0</v>
      </c>
      <c r="F394" s="17">
        <v>0</v>
      </c>
      <c r="G394" s="17">
        <v>0</v>
      </c>
      <c r="H394" s="17">
        <v>0</v>
      </c>
    </row>
    <row r="395" spans="2:8" ht="15" customHeight="1">
      <c r="B395" s="14" t="s">
        <v>76</v>
      </c>
      <c r="C395" s="12">
        <v>0</v>
      </c>
      <c r="D395" s="12">
        <v>0</v>
      </c>
      <c r="E395" s="12">
        <v>0</v>
      </c>
      <c r="F395" s="12">
        <v>0</v>
      </c>
      <c r="G395" s="12">
        <v>0</v>
      </c>
      <c r="H395" s="12">
        <v>0</v>
      </c>
    </row>
    <row r="396" spans="2:8" ht="15" customHeight="1">
      <c r="B396" s="9" t="s">
        <v>77</v>
      </c>
      <c r="C396" s="13">
        <v>0</v>
      </c>
      <c r="D396" s="13">
        <v>0</v>
      </c>
      <c r="E396" s="13">
        <v>0</v>
      </c>
      <c r="F396" s="13">
        <v>0</v>
      </c>
      <c r="G396" s="13">
        <v>0</v>
      </c>
      <c r="H396" s="13">
        <v>0</v>
      </c>
    </row>
    <row r="397" spans="2:8" ht="15" customHeight="1">
      <c r="B397" s="9" t="s">
        <v>78</v>
      </c>
      <c r="C397" s="13">
        <v>0</v>
      </c>
      <c r="D397" s="13">
        <v>0</v>
      </c>
      <c r="E397" s="13">
        <v>0</v>
      </c>
      <c r="F397" s="13">
        <v>0</v>
      </c>
      <c r="G397" s="13">
        <v>0</v>
      </c>
      <c r="H397" s="13">
        <v>0</v>
      </c>
    </row>
    <row r="398" spans="2:8" ht="15" customHeight="1">
      <c r="B398" s="7" t="s">
        <v>79</v>
      </c>
      <c r="C398" s="12">
        <v>0</v>
      </c>
      <c r="D398" s="12">
        <v>0</v>
      </c>
      <c r="E398" s="12">
        <v>0</v>
      </c>
      <c r="F398" s="12">
        <v>0</v>
      </c>
      <c r="G398" s="12">
        <v>0</v>
      </c>
      <c r="H398" s="12">
        <v>0</v>
      </c>
    </row>
    <row r="399" spans="2:8" ht="15" customHeight="1">
      <c r="B399" s="16" t="s">
        <v>80</v>
      </c>
      <c r="C399" s="17">
        <v>457</v>
      </c>
      <c r="D399" s="17">
        <v>1210</v>
      </c>
      <c r="E399" s="17">
        <v>457</v>
      </c>
      <c r="F399" s="17">
        <v>1199</v>
      </c>
      <c r="G399" s="17">
        <v>914</v>
      </c>
      <c r="H399" s="17">
        <v>2409</v>
      </c>
    </row>
    <row r="400" spans="2:8" ht="15" customHeight="1">
      <c r="B400" s="14" t="s">
        <v>76</v>
      </c>
      <c r="C400" s="15">
        <v>455</v>
      </c>
      <c r="D400" s="15">
        <v>1206</v>
      </c>
      <c r="E400" s="15">
        <v>444</v>
      </c>
      <c r="F400" s="15">
        <v>1174</v>
      </c>
      <c r="G400" s="15">
        <v>899</v>
      </c>
      <c r="H400" s="15">
        <v>2380</v>
      </c>
    </row>
    <row r="401" spans="2:8" ht="15" customHeight="1">
      <c r="B401" s="14" t="s">
        <v>79</v>
      </c>
      <c r="C401" s="15">
        <v>2</v>
      </c>
      <c r="D401" s="15">
        <v>4</v>
      </c>
      <c r="E401" s="15">
        <v>13</v>
      </c>
      <c r="F401" s="15">
        <v>25</v>
      </c>
      <c r="G401" s="15">
        <v>15</v>
      </c>
      <c r="H401" s="15">
        <v>29</v>
      </c>
    </row>
    <row r="402" spans="2:8" ht="15" customHeight="1">
      <c r="B402" s="5" t="s">
        <v>88</v>
      </c>
      <c r="C402" s="11">
        <v>754</v>
      </c>
      <c r="D402" s="11">
        <v>2295</v>
      </c>
      <c r="E402" s="11">
        <v>760</v>
      </c>
      <c r="F402" s="11">
        <v>2296</v>
      </c>
      <c r="G402" s="11">
        <v>1514</v>
      </c>
      <c r="H402" s="11">
        <v>4591</v>
      </c>
    </row>
    <row r="403" spans="2:8" ht="15" customHeight="1">
      <c r="B403" s="16" t="s">
        <v>75</v>
      </c>
      <c r="C403" s="17">
        <v>529</v>
      </c>
      <c r="D403" s="17">
        <v>1675</v>
      </c>
      <c r="E403" s="17">
        <v>529</v>
      </c>
      <c r="F403" s="17">
        <v>1665</v>
      </c>
      <c r="G403" s="17">
        <v>1058</v>
      </c>
      <c r="H403" s="17">
        <v>3340</v>
      </c>
    </row>
    <row r="404" spans="2:8" ht="15" customHeight="1">
      <c r="B404" s="14" t="s">
        <v>76</v>
      </c>
      <c r="C404" s="12">
        <v>529</v>
      </c>
      <c r="D404" s="12">
        <v>1675</v>
      </c>
      <c r="E404" s="12">
        <v>529</v>
      </c>
      <c r="F404" s="12">
        <v>1665</v>
      </c>
      <c r="G404" s="12">
        <v>1058</v>
      </c>
      <c r="H404" s="12">
        <v>3340</v>
      </c>
    </row>
    <row r="405" spans="2:8" ht="15" customHeight="1">
      <c r="B405" s="9" t="s">
        <v>77</v>
      </c>
      <c r="C405" s="13">
        <v>370</v>
      </c>
      <c r="D405" s="13">
        <v>1106</v>
      </c>
      <c r="E405" s="13">
        <v>382</v>
      </c>
      <c r="F405" s="13">
        <v>1138</v>
      </c>
      <c r="G405" s="13">
        <v>752</v>
      </c>
      <c r="H405" s="13">
        <v>2244</v>
      </c>
    </row>
    <row r="406" spans="2:8" ht="15" customHeight="1">
      <c r="B406" s="9" t="s">
        <v>78</v>
      </c>
      <c r="C406" s="13">
        <v>159</v>
      </c>
      <c r="D406" s="13">
        <v>569</v>
      </c>
      <c r="E406" s="13">
        <v>147</v>
      </c>
      <c r="F406" s="13">
        <v>527</v>
      </c>
      <c r="G406" s="13">
        <v>306</v>
      </c>
      <c r="H406" s="13">
        <v>1096</v>
      </c>
    </row>
    <row r="407" spans="2:8" ht="15" customHeight="1">
      <c r="B407" s="7" t="s">
        <v>79</v>
      </c>
      <c r="C407" s="12">
        <v>0</v>
      </c>
      <c r="D407" s="12">
        <v>0</v>
      </c>
      <c r="E407" s="12">
        <v>0</v>
      </c>
      <c r="F407" s="12">
        <v>0</v>
      </c>
      <c r="G407" s="12">
        <v>0</v>
      </c>
      <c r="H407" s="12">
        <v>0</v>
      </c>
    </row>
    <row r="408" spans="2:8" ht="15" customHeight="1">
      <c r="B408" s="16" t="s">
        <v>80</v>
      </c>
      <c r="C408" s="17">
        <v>225</v>
      </c>
      <c r="D408" s="17">
        <v>620</v>
      </c>
      <c r="E408" s="17">
        <v>231</v>
      </c>
      <c r="F408" s="17">
        <v>631</v>
      </c>
      <c r="G408" s="17">
        <v>456</v>
      </c>
      <c r="H408" s="17">
        <v>1251</v>
      </c>
    </row>
    <row r="409" spans="2:8" ht="15" customHeight="1">
      <c r="B409" s="14" t="s">
        <v>76</v>
      </c>
      <c r="C409" s="15">
        <v>223</v>
      </c>
      <c r="D409" s="15">
        <v>617</v>
      </c>
      <c r="E409" s="15">
        <v>229</v>
      </c>
      <c r="F409" s="15">
        <v>627</v>
      </c>
      <c r="G409" s="15">
        <v>452</v>
      </c>
      <c r="H409" s="15">
        <v>1244</v>
      </c>
    </row>
    <row r="410" spans="2:8" ht="15" customHeight="1">
      <c r="B410" s="14" t="s">
        <v>79</v>
      </c>
      <c r="C410" s="15">
        <v>2</v>
      </c>
      <c r="D410" s="15">
        <v>3</v>
      </c>
      <c r="E410" s="15">
        <v>2</v>
      </c>
      <c r="F410" s="15">
        <v>4</v>
      </c>
      <c r="G410" s="15">
        <v>4</v>
      </c>
      <c r="H410" s="15">
        <v>7</v>
      </c>
    </row>
    <row r="411" spans="2:8" ht="15" customHeight="1">
      <c r="B411" s="5" t="s">
        <v>63</v>
      </c>
      <c r="C411" s="11">
        <v>444</v>
      </c>
      <c r="D411" s="11">
        <v>1291</v>
      </c>
      <c r="E411" s="11">
        <v>443</v>
      </c>
      <c r="F411" s="11">
        <v>1289</v>
      </c>
      <c r="G411" s="11">
        <v>887</v>
      </c>
      <c r="H411" s="11">
        <v>2580</v>
      </c>
    </row>
    <row r="412" spans="2:8" ht="15" customHeight="1">
      <c r="B412" s="16" t="s">
        <v>75</v>
      </c>
      <c r="C412" s="17">
        <v>220</v>
      </c>
      <c r="D412" s="17">
        <v>696</v>
      </c>
      <c r="E412" s="17">
        <v>220</v>
      </c>
      <c r="F412" s="17">
        <v>696</v>
      </c>
      <c r="G412" s="17">
        <v>440</v>
      </c>
      <c r="H412" s="17">
        <v>1392</v>
      </c>
    </row>
    <row r="413" spans="2:8" ht="15" customHeight="1">
      <c r="B413" s="14" t="s">
        <v>76</v>
      </c>
      <c r="C413" s="12">
        <v>220</v>
      </c>
      <c r="D413" s="12">
        <v>696</v>
      </c>
      <c r="E413" s="12">
        <v>220</v>
      </c>
      <c r="F413" s="12">
        <v>696</v>
      </c>
      <c r="G413" s="12">
        <v>440</v>
      </c>
      <c r="H413" s="12">
        <v>1392</v>
      </c>
    </row>
    <row r="414" spans="2:8" ht="15" customHeight="1">
      <c r="B414" s="9" t="s">
        <v>77</v>
      </c>
      <c r="C414" s="13">
        <v>220</v>
      </c>
      <c r="D414" s="13">
        <v>696</v>
      </c>
      <c r="E414" s="13">
        <v>220</v>
      </c>
      <c r="F414" s="13">
        <v>696</v>
      </c>
      <c r="G414" s="13">
        <v>440</v>
      </c>
      <c r="H414" s="13">
        <v>1392</v>
      </c>
    </row>
    <row r="415" spans="2:8" ht="15" customHeight="1">
      <c r="B415" s="9" t="s">
        <v>78</v>
      </c>
      <c r="C415" s="13">
        <v>0</v>
      </c>
      <c r="D415" s="13">
        <v>0</v>
      </c>
      <c r="E415" s="13">
        <v>0</v>
      </c>
      <c r="F415" s="13">
        <v>0</v>
      </c>
      <c r="G415" s="13">
        <v>0</v>
      </c>
      <c r="H415" s="13">
        <v>0</v>
      </c>
    </row>
    <row r="416" spans="2:8" ht="15" customHeight="1">
      <c r="B416" s="7" t="s">
        <v>79</v>
      </c>
      <c r="C416" s="12">
        <v>0</v>
      </c>
      <c r="D416" s="12">
        <v>0</v>
      </c>
      <c r="E416" s="12">
        <v>0</v>
      </c>
      <c r="F416" s="12">
        <v>0</v>
      </c>
      <c r="G416" s="12">
        <v>0</v>
      </c>
      <c r="H416" s="12">
        <v>0</v>
      </c>
    </row>
    <row r="417" spans="2:8" ht="15" customHeight="1">
      <c r="B417" s="16" t="s">
        <v>80</v>
      </c>
      <c r="C417" s="17">
        <v>224</v>
      </c>
      <c r="D417" s="17">
        <v>595</v>
      </c>
      <c r="E417" s="17">
        <v>223</v>
      </c>
      <c r="F417" s="17">
        <v>593</v>
      </c>
      <c r="G417" s="17">
        <v>447</v>
      </c>
      <c r="H417" s="17">
        <v>1188</v>
      </c>
    </row>
    <row r="418" spans="2:8" ht="15" customHeight="1">
      <c r="B418" s="14" t="s">
        <v>76</v>
      </c>
      <c r="C418" s="15">
        <v>224</v>
      </c>
      <c r="D418" s="15">
        <v>595</v>
      </c>
      <c r="E418" s="15">
        <v>223</v>
      </c>
      <c r="F418" s="15">
        <v>593</v>
      </c>
      <c r="G418" s="15">
        <v>447</v>
      </c>
      <c r="H418" s="15">
        <v>1188</v>
      </c>
    </row>
    <row r="419" spans="2:8" ht="15" customHeight="1">
      <c r="B419" s="14" t="s">
        <v>79</v>
      </c>
      <c r="C419" s="15">
        <v>0</v>
      </c>
      <c r="D419" s="15">
        <v>0</v>
      </c>
      <c r="E419" s="15">
        <v>0</v>
      </c>
      <c r="F419" s="15">
        <v>0</v>
      </c>
      <c r="G419" s="15">
        <v>0</v>
      </c>
      <c r="H419" s="15">
        <v>0</v>
      </c>
    </row>
    <row r="420" spans="2:8" ht="15" customHeight="1">
      <c r="B420" s="5" t="s">
        <v>64</v>
      </c>
      <c r="C420" s="11">
        <v>9573</v>
      </c>
      <c r="D420" s="11">
        <v>27462</v>
      </c>
      <c r="E420" s="11">
        <v>9611</v>
      </c>
      <c r="F420" s="11">
        <v>27478</v>
      </c>
      <c r="G420" s="11">
        <v>19184</v>
      </c>
      <c r="H420" s="11">
        <v>54940</v>
      </c>
    </row>
    <row r="421" spans="2:8" ht="15" customHeight="1">
      <c r="B421" s="16" t="s">
        <v>75</v>
      </c>
      <c r="C421" s="17">
        <v>7396</v>
      </c>
      <c r="D421" s="17">
        <v>21551</v>
      </c>
      <c r="E421" s="17">
        <v>7459</v>
      </c>
      <c r="F421" s="17">
        <v>21689</v>
      </c>
      <c r="G421" s="17">
        <v>14855</v>
      </c>
      <c r="H421" s="17">
        <v>43240</v>
      </c>
    </row>
    <row r="422" spans="2:8" ht="15" customHeight="1">
      <c r="B422" s="14" t="s">
        <v>76</v>
      </c>
      <c r="C422" s="12">
        <v>7396</v>
      </c>
      <c r="D422" s="12">
        <v>21551</v>
      </c>
      <c r="E422" s="12">
        <v>7459</v>
      </c>
      <c r="F422" s="12">
        <v>21689</v>
      </c>
      <c r="G422" s="12">
        <v>14855</v>
      </c>
      <c r="H422" s="12">
        <v>43240</v>
      </c>
    </row>
    <row r="423" spans="2:8" ht="15" customHeight="1">
      <c r="B423" s="9" t="s">
        <v>77</v>
      </c>
      <c r="C423" s="13">
        <v>7396</v>
      </c>
      <c r="D423" s="13">
        <v>21551</v>
      </c>
      <c r="E423" s="13">
        <v>7459</v>
      </c>
      <c r="F423" s="13">
        <v>21689</v>
      </c>
      <c r="G423" s="13">
        <v>14855</v>
      </c>
      <c r="H423" s="13">
        <v>43240</v>
      </c>
    </row>
    <row r="424" spans="2:8" ht="15" customHeight="1">
      <c r="B424" s="9" t="s">
        <v>78</v>
      </c>
      <c r="C424" s="13">
        <v>0</v>
      </c>
      <c r="D424" s="13">
        <v>0</v>
      </c>
      <c r="E424" s="13">
        <v>0</v>
      </c>
      <c r="F424" s="13">
        <v>0</v>
      </c>
      <c r="G424" s="13">
        <v>0</v>
      </c>
      <c r="H424" s="13">
        <v>0</v>
      </c>
    </row>
    <row r="425" spans="2:8" ht="15" customHeight="1">
      <c r="B425" s="7" t="s">
        <v>79</v>
      </c>
      <c r="C425" s="12">
        <v>0</v>
      </c>
      <c r="D425" s="12">
        <v>0</v>
      </c>
      <c r="E425" s="12">
        <v>0</v>
      </c>
      <c r="F425" s="12">
        <v>0</v>
      </c>
      <c r="G425" s="12">
        <v>0</v>
      </c>
      <c r="H425" s="12">
        <v>0</v>
      </c>
    </row>
    <row r="426" spans="2:8" ht="15" customHeight="1">
      <c r="B426" s="16" t="s">
        <v>80</v>
      </c>
      <c r="C426" s="17">
        <v>2177</v>
      </c>
      <c r="D426" s="17">
        <v>5911</v>
      </c>
      <c r="E426" s="17">
        <v>2152</v>
      </c>
      <c r="F426" s="17">
        <v>5789</v>
      </c>
      <c r="G426" s="17">
        <v>4329</v>
      </c>
      <c r="H426" s="17">
        <v>11700</v>
      </c>
    </row>
    <row r="427" spans="2:8" ht="15" customHeight="1">
      <c r="B427" s="14" t="s">
        <v>76</v>
      </c>
      <c r="C427" s="15">
        <v>2153</v>
      </c>
      <c r="D427" s="15">
        <v>5878</v>
      </c>
      <c r="E427" s="15">
        <v>2128</v>
      </c>
      <c r="F427" s="15">
        <v>5757</v>
      </c>
      <c r="G427" s="15">
        <v>4281</v>
      </c>
      <c r="H427" s="15">
        <v>11635</v>
      </c>
    </row>
    <row r="428" spans="2:8" ht="15" customHeight="1">
      <c r="B428" s="14" t="s">
        <v>79</v>
      </c>
      <c r="C428" s="15">
        <v>24</v>
      </c>
      <c r="D428" s="15">
        <v>33</v>
      </c>
      <c r="E428" s="15">
        <v>24</v>
      </c>
      <c r="F428" s="15">
        <v>32</v>
      </c>
      <c r="G428" s="15">
        <v>48</v>
      </c>
      <c r="H428" s="15">
        <v>65</v>
      </c>
    </row>
    <row r="429" spans="2:8" ht="15" customHeight="1">
      <c r="B429" s="5" t="s">
        <v>65</v>
      </c>
      <c r="C429" s="11">
        <v>585</v>
      </c>
      <c r="D429" s="11">
        <v>1702</v>
      </c>
      <c r="E429" s="11">
        <v>587</v>
      </c>
      <c r="F429" s="11">
        <v>1701</v>
      </c>
      <c r="G429" s="11">
        <v>1172</v>
      </c>
      <c r="H429" s="11">
        <v>3403</v>
      </c>
    </row>
    <row r="430" spans="2:8" ht="15" customHeight="1">
      <c r="B430" s="16" t="s">
        <v>75</v>
      </c>
      <c r="C430" s="17">
        <v>380</v>
      </c>
      <c r="D430" s="17">
        <v>1150</v>
      </c>
      <c r="E430" s="17">
        <v>382</v>
      </c>
      <c r="F430" s="17">
        <v>1161</v>
      </c>
      <c r="G430" s="17">
        <v>762</v>
      </c>
      <c r="H430" s="17">
        <v>2311</v>
      </c>
    </row>
    <row r="431" spans="2:8" ht="15" customHeight="1">
      <c r="B431" s="14" t="s">
        <v>76</v>
      </c>
      <c r="C431" s="12">
        <v>380</v>
      </c>
      <c r="D431" s="12">
        <v>1150</v>
      </c>
      <c r="E431" s="12">
        <v>382</v>
      </c>
      <c r="F431" s="12">
        <v>1161</v>
      </c>
      <c r="G431" s="12">
        <v>762</v>
      </c>
      <c r="H431" s="12">
        <v>2311</v>
      </c>
    </row>
    <row r="432" spans="2:8" ht="15" customHeight="1">
      <c r="B432" s="9" t="s">
        <v>77</v>
      </c>
      <c r="C432" s="13">
        <v>380</v>
      </c>
      <c r="D432" s="13">
        <v>1150</v>
      </c>
      <c r="E432" s="13">
        <v>382</v>
      </c>
      <c r="F432" s="13">
        <v>1161</v>
      </c>
      <c r="G432" s="13">
        <v>762</v>
      </c>
      <c r="H432" s="13">
        <v>2311</v>
      </c>
    </row>
    <row r="433" spans="2:8" ht="15" customHeight="1">
      <c r="B433" s="9" t="s">
        <v>78</v>
      </c>
      <c r="C433" s="13">
        <v>0</v>
      </c>
      <c r="D433" s="13">
        <v>0</v>
      </c>
      <c r="E433" s="13">
        <v>0</v>
      </c>
      <c r="F433" s="13">
        <v>0</v>
      </c>
      <c r="G433" s="13">
        <v>0</v>
      </c>
      <c r="H433" s="13">
        <v>0</v>
      </c>
    </row>
    <row r="434" spans="2:8" ht="15" customHeight="1">
      <c r="B434" s="7" t="s">
        <v>79</v>
      </c>
      <c r="C434" s="12">
        <v>0</v>
      </c>
      <c r="D434" s="12">
        <v>0</v>
      </c>
      <c r="E434" s="12">
        <v>0</v>
      </c>
      <c r="F434" s="12">
        <v>0</v>
      </c>
      <c r="G434" s="12">
        <v>0</v>
      </c>
      <c r="H434" s="12">
        <v>0</v>
      </c>
    </row>
    <row r="435" spans="2:8" ht="15" customHeight="1">
      <c r="B435" s="16" t="s">
        <v>80</v>
      </c>
      <c r="C435" s="17">
        <v>205</v>
      </c>
      <c r="D435" s="17">
        <v>552</v>
      </c>
      <c r="E435" s="17">
        <v>205</v>
      </c>
      <c r="F435" s="17">
        <v>540</v>
      </c>
      <c r="G435" s="17">
        <v>410</v>
      </c>
      <c r="H435" s="17">
        <v>1092</v>
      </c>
    </row>
    <row r="436" spans="2:8" ht="15" customHeight="1">
      <c r="B436" s="14" t="s">
        <v>76</v>
      </c>
      <c r="C436" s="15">
        <v>204</v>
      </c>
      <c r="D436" s="15">
        <v>551</v>
      </c>
      <c r="E436" s="15">
        <v>204</v>
      </c>
      <c r="F436" s="15">
        <v>539</v>
      </c>
      <c r="G436" s="15">
        <v>408</v>
      </c>
      <c r="H436" s="15">
        <v>1090</v>
      </c>
    </row>
    <row r="437" spans="2:8" ht="15" customHeight="1">
      <c r="B437" s="14" t="s">
        <v>79</v>
      </c>
      <c r="C437" s="15">
        <v>1</v>
      </c>
      <c r="D437" s="15">
        <v>1</v>
      </c>
      <c r="E437" s="15">
        <v>1</v>
      </c>
      <c r="F437" s="15">
        <v>1</v>
      </c>
      <c r="G437" s="15">
        <v>2</v>
      </c>
      <c r="H437" s="15">
        <v>2</v>
      </c>
    </row>
    <row r="438" spans="2:8" ht="15" customHeight="1">
      <c r="B438" s="5" t="s">
        <v>66</v>
      </c>
      <c r="C438" s="11">
        <v>117</v>
      </c>
      <c r="D438" s="11">
        <v>347</v>
      </c>
      <c r="E438" s="11">
        <v>118</v>
      </c>
      <c r="F438" s="11">
        <v>347</v>
      </c>
      <c r="G438" s="11">
        <v>235</v>
      </c>
      <c r="H438" s="11">
        <v>694</v>
      </c>
    </row>
    <row r="439" spans="2:8" ht="15" customHeight="1">
      <c r="B439" s="16" t="s">
        <v>75</v>
      </c>
      <c r="C439" s="17">
        <v>30</v>
      </c>
      <c r="D439" s="17">
        <v>87</v>
      </c>
      <c r="E439" s="17">
        <v>30</v>
      </c>
      <c r="F439" s="17">
        <v>87</v>
      </c>
      <c r="G439" s="17">
        <v>60</v>
      </c>
      <c r="H439" s="17">
        <v>174</v>
      </c>
    </row>
    <row r="440" spans="2:8" ht="15" customHeight="1">
      <c r="B440" s="14" t="s">
        <v>76</v>
      </c>
      <c r="C440" s="12">
        <v>30</v>
      </c>
      <c r="D440" s="12">
        <v>87</v>
      </c>
      <c r="E440" s="12">
        <v>30</v>
      </c>
      <c r="F440" s="12">
        <v>87</v>
      </c>
      <c r="G440" s="12">
        <v>60</v>
      </c>
      <c r="H440" s="12">
        <v>174</v>
      </c>
    </row>
    <row r="441" spans="2:8" ht="15" customHeight="1">
      <c r="B441" s="9" t="s">
        <v>77</v>
      </c>
      <c r="C441" s="13">
        <v>30</v>
      </c>
      <c r="D441" s="13">
        <v>87</v>
      </c>
      <c r="E441" s="13">
        <v>30</v>
      </c>
      <c r="F441" s="13">
        <v>87</v>
      </c>
      <c r="G441" s="13">
        <v>60</v>
      </c>
      <c r="H441" s="13">
        <v>174</v>
      </c>
    </row>
    <row r="442" spans="2:8" ht="15" customHeight="1">
      <c r="B442" s="9" t="s">
        <v>78</v>
      </c>
      <c r="C442" s="13">
        <v>0</v>
      </c>
      <c r="D442" s="13">
        <v>0</v>
      </c>
      <c r="E442" s="13">
        <v>0</v>
      </c>
      <c r="F442" s="13">
        <v>0</v>
      </c>
      <c r="G442" s="13">
        <v>0</v>
      </c>
      <c r="H442" s="13">
        <v>0</v>
      </c>
    </row>
    <row r="443" spans="2:8" ht="15" customHeight="1">
      <c r="B443" s="7" t="s">
        <v>79</v>
      </c>
      <c r="C443" s="12">
        <v>0</v>
      </c>
      <c r="D443" s="12">
        <v>0</v>
      </c>
      <c r="E443" s="12">
        <v>0</v>
      </c>
      <c r="F443" s="12">
        <v>0</v>
      </c>
      <c r="G443" s="12">
        <v>0</v>
      </c>
      <c r="H443" s="12">
        <v>0</v>
      </c>
    </row>
    <row r="444" spans="2:8" ht="15" customHeight="1">
      <c r="B444" s="16" t="s">
        <v>80</v>
      </c>
      <c r="C444" s="17">
        <v>87</v>
      </c>
      <c r="D444" s="17">
        <v>260</v>
      </c>
      <c r="E444" s="17">
        <v>88</v>
      </c>
      <c r="F444" s="17">
        <v>260</v>
      </c>
      <c r="G444" s="17">
        <v>175</v>
      </c>
      <c r="H444" s="17">
        <v>520</v>
      </c>
    </row>
    <row r="445" spans="2:8" ht="15" customHeight="1">
      <c r="B445" s="14" t="s">
        <v>76</v>
      </c>
      <c r="C445" s="15">
        <v>87</v>
      </c>
      <c r="D445" s="15">
        <v>260</v>
      </c>
      <c r="E445" s="15">
        <v>88</v>
      </c>
      <c r="F445" s="15">
        <v>260</v>
      </c>
      <c r="G445" s="15">
        <v>175</v>
      </c>
      <c r="H445" s="15">
        <v>520</v>
      </c>
    </row>
    <row r="446" spans="2:8" ht="15" customHeight="1">
      <c r="B446" s="14" t="s">
        <v>79</v>
      </c>
      <c r="C446" s="15">
        <v>0</v>
      </c>
      <c r="D446" s="15">
        <v>0</v>
      </c>
      <c r="E446" s="15">
        <v>0</v>
      </c>
      <c r="F446" s="15">
        <v>0</v>
      </c>
      <c r="G446" s="15">
        <v>0</v>
      </c>
      <c r="H446" s="15">
        <v>0</v>
      </c>
    </row>
    <row r="447" spans="2:8" ht="15" customHeight="1">
      <c r="B447" s="5" t="s">
        <v>67</v>
      </c>
      <c r="C447" s="11">
        <v>100</v>
      </c>
      <c r="D447" s="11">
        <v>302</v>
      </c>
      <c r="E447" s="11">
        <v>99</v>
      </c>
      <c r="F447" s="11">
        <v>301</v>
      </c>
      <c r="G447" s="11">
        <v>199</v>
      </c>
      <c r="H447" s="11">
        <v>603</v>
      </c>
    </row>
    <row r="448" spans="2:8" ht="15" customHeight="1">
      <c r="B448" s="16" t="s">
        <v>75</v>
      </c>
      <c r="C448" s="17">
        <v>30</v>
      </c>
      <c r="D448" s="17">
        <v>88</v>
      </c>
      <c r="E448" s="17">
        <v>30</v>
      </c>
      <c r="F448" s="17">
        <v>88</v>
      </c>
      <c r="G448" s="17">
        <v>60</v>
      </c>
      <c r="H448" s="17">
        <v>176</v>
      </c>
    </row>
    <row r="449" spans="2:8" ht="15" customHeight="1">
      <c r="B449" s="14" t="s">
        <v>76</v>
      </c>
      <c r="C449" s="12">
        <v>30</v>
      </c>
      <c r="D449" s="12">
        <v>88</v>
      </c>
      <c r="E449" s="12">
        <v>30</v>
      </c>
      <c r="F449" s="12">
        <v>88</v>
      </c>
      <c r="G449" s="12">
        <v>60</v>
      </c>
      <c r="H449" s="12">
        <v>176</v>
      </c>
    </row>
    <row r="450" spans="2:8" ht="15" customHeight="1">
      <c r="B450" s="9" t="s">
        <v>77</v>
      </c>
      <c r="C450" s="13">
        <v>30</v>
      </c>
      <c r="D450" s="13">
        <v>88</v>
      </c>
      <c r="E450" s="13">
        <v>30</v>
      </c>
      <c r="F450" s="13">
        <v>88</v>
      </c>
      <c r="G450" s="13">
        <v>60</v>
      </c>
      <c r="H450" s="13">
        <v>176</v>
      </c>
    </row>
    <row r="451" spans="2:8" ht="15" customHeight="1">
      <c r="B451" s="9" t="s">
        <v>78</v>
      </c>
      <c r="C451" s="13">
        <v>0</v>
      </c>
      <c r="D451" s="13">
        <v>0</v>
      </c>
      <c r="E451" s="13">
        <v>0</v>
      </c>
      <c r="F451" s="13">
        <v>0</v>
      </c>
      <c r="G451" s="13">
        <v>0</v>
      </c>
      <c r="H451" s="13">
        <v>0</v>
      </c>
    </row>
    <row r="452" spans="2:8" ht="15" customHeight="1">
      <c r="B452" s="7" t="s">
        <v>79</v>
      </c>
      <c r="C452" s="12">
        <v>0</v>
      </c>
      <c r="D452" s="12">
        <v>0</v>
      </c>
      <c r="E452" s="12">
        <v>0</v>
      </c>
      <c r="F452" s="12">
        <v>0</v>
      </c>
      <c r="G452" s="12">
        <v>0</v>
      </c>
      <c r="H452" s="12">
        <v>0</v>
      </c>
    </row>
    <row r="453" spans="2:8" ht="15" customHeight="1">
      <c r="B453" s="16" t="s">
        <v>80</v>
      </c>
      <c r="C453" s="17">
        <v>70</v>
      </c>
      <c r="D453" s="17">
        <v>214</v>
      </c>
      <c r="E453" s="17">
        <v>69</v>
      </c>
      <c r="F453" s="17">
        <v>213</v>
      </c>
      <c r="G453" s="17">
        <v>139</v>
      </c>
      <c r="H453" s="17">
        <v>427</v>
      </c>
    </row>
    <row r="454" spans="2:8" ht="15" customHeight="1">
      <c r="B454" s="14" t="s">
        <v>76</v>
      </c>
      <c r="C454" s="15">
        <v>69</v>
      </c>
      <c r="D454" s="15">
        <v>211</v>
      </c>
      <c r="E454" s="15">
        <v>67</v>
      </c>
      <c r="F454" s="15">
        <v>211</v>
      </c>
      <c r="G454" s="15">
        <v>136</v>
      </c>
      <c r="H454" s="15">
        <v>422</v>
      </c>
    </row>
    <row r="455" spans="2:8" ht="15" customHeight="1">
      <c r="B455" s="14" t="s">
        <v>79</v>
      </c>
      <c r="C455" s="15">
        <v>1</v>
      </c>
      <c r="D455" s="15">
        <v>3</v>
      </c>
      <c r="E455" s="15">
        <v>2</v>
      </c>
      <c r="F455" s="15">
        <v>2</v>
      </c>
      <c r="G455" s="15">
        <v>3</v>
      </c>
      <c r="H455" s="15">
        <v>5</v>
      </c>
    </row>
    <row r="456" spans="2:8" ht="15" customHeight="1">
      <c r="B456" s="5" t="s">
        <v>68</v>
      </c>
      <c r="C456" s="11">
        <v>30</v>
      </c>
      <c r="D456" s="11">
        <v>89</v>
      </c>
      <c r="E456" s="11">
        <v>28</v>
      </c>
      <c r="F456" s="11">
        <v>88</v>
      </c>
      <c r="G456" s="11">
        <v>58</v>
      </c>
      <c r="H456" s="11">
        <v>177</v>
      </c>
    </row>
    <row r="457" spans="2:8" ht="15" customHeight="1">
      <c r="B457" s="16" t="s">
        <v>75</v>
      </c>
      <c r="C457" s="17">
        <v>9</v>
      </c>
      <c r="D457" s="17">
        <v>26</v>
      </c>
      <c r="E457" s="17">
        <v>9</v>
      </c>
      <c r="F457" s="17">
        <v>26</v>
      </c>
      <c r="G457" s="17">
        <v>18</v>
      </c>
      <c r="H457" s="17">
        <v>52</v>
      </c>
    </row>
    <row r="458" spans="2:8" ht="15" customHeight="1">
      <c r="B458" s="14" t="s">
        <v>76</v>
      </c>
      <c r="C458" s="12">
        <v>9</v>
      </c>
      <c r="D458" s="12">
        <v>26</v>
      </c>
      <c r="E458" s="12">
        <v>9</v>
      </c>
      <c r="F458" s="12">
        <v>26</v>
      </c>
      <c r="G458" s="12">
        <v>18</v>
      </c>
      <c r="H458" s="12">
        <v>52</v>
      </c>
    </row>
    <row r="459" spans="2:8" ht="15" customHeight="1">
      <c r="B459" s="9" t="s">
        <v>77</v>
      </c>
      <c r="C459" s="13">
        <v>9</v>
      </c>
      <c r="D459" s="13">
        <v>26</v>
      </c>
      <c r="E459" s="13">
        <v>9</v>
      </c>
      <c r="F459" s="13">
        <v>26</v>
      </c>
      <c r="G459" s="13">
        <v>18</v>
      </c>
      <c r="H459" s="13">
        <v>52</v>
      </c>
    </row>
    <row r="460" spans="2:8" ht="15" customHeight="1">
      <c r="B460" s="9" t="s">
        <v>78</v>
      </c>
      <c r="C460" s="13">
        <v>0</v>
      </c>
      <c r="D460" s="13">
        <v>0</v>
      </c>
      <c r="E460" s="13">
        <v>0</v>
      </c>
      <c r="F460" s="13">
        <v>0</v>
      </c>
      <c r="G460" s="13">
        <v>0</v>
      </c>
      <c r="H460" s="13">
        <v>0</v>
      </c>
    </row>
    <row r="461" spans="2:8" ht="15" customHeight="1">
      <c r="B461" s="7" t="s">
        <v>79</v>
      </c>
      <c r="C461" s="12">
        <v>0</v>
      </c>
      <c r="D461" s="12">
        <v>0</v>
      </c>
      <c r="E461" s="12">
        <v>0</v>
      </c>
      <c r="F461" s="12">
        <v>0</v>
      </c>
      <c r="G461" s="12">
        <v>0</v>
      </c>
      <c r="H461" s="12">
        <v>0</v>
      </c>
    </row>
    <row r="462" spans="2:8" ht="15" customHeight="1">
      <c r="B462" s="16" t="s">
        <v>80</v>
      </c>
      <c r="C462" s="17">
        <v>21</v>
      </c>
      <c r="D462" s="17">
        <v>63</v>
      </c>
      <c r="E462" s="17">
        <v>19</v>
      </c>
      <c r="F462" s="17">
        <v>62</v>
      </c>
      <c r="G462" s="17">
        <v>40</v>
      </c>
      <c r="H462" s="17">
        <v>125</v>
      </c>
    </row>
    <row r="463" spans="2:8" ht="15" customHeight="1">
      <c r="B463" s="14" t="s">
        <v>76</v>
      </c>
      <c r="C463" s="15">
        <v>21</v>
      </c>
      <c r="D463" s="15">
        <v>63</v>
      </c>
      <c r="E463" s="15">
        <v>19</v>
      </c>
      <c r="F463" s="15">
        <v>62</v>
      </c>
      <c r="G463" s="15">
        <v>40</v>
      </c>
      <c r="H463" s="15">
        <v>125</v>
      </c>
    </row>
    <row r="464" spans="2:8" ht="15" customHeight="1">
      <c r="B464" s="14" t="s">
        <v>79</v>
      </c>
      <c r="C464" s="15">
        <v>0</v>
      </c>
      <c r="D464" s="15">
        <v>0</v>
      </c>
      <c r="E464" s="15">
        <v>0</v>
      </c>
      <c r="F464" s="15">
        <v>0</v>
      </c>
      <c r="G464" s="15">
        <v>0</v>
      </c>
      <c r="H464" s="15">
        <v>0</v>
      </c>
    </row>
    <row r="465" spans="2:8" ht="15" customHeight="1">
      <c r="B465" s="5" t="s">
        <v>69</v>
      </c>
      <c r="C465" s="11">
        <v>41</v>
      </c>
      <c r="D465" s="11">
        <v>98</v>
      </c>
      <c r="E465" s="11">
        <v>41</v>
      </c>
      <c r="F465" s="11">
        <v>98</v>
      </c>
      <c r="G465" s="11">
        <v>82</v>
      </c>
      <c r="H465" s="11">
        <v>196</v>
      </c>
    </row>
    <row r="466" spans="2:8" ht="15" customHeight="1">
      <c r="B466" s="16" t="s">
        <v>75</v>
      </c>
      <c r="C466" s="17">
        <v>16</v>
      </c>
      <c r="D466" s="17">
        <v>53</v>
      </c>
      <c r="E466" s="17">
        <v>16</v>
      </c>
      <c r="F466" s="17">
        <v>53</v>
      </c>
      <c r="G466" s="17">
        <v>32</v>
      </c>
      <c r="H466" s="17">
        <v>106</v>
      </c>
    </row>
    <row r="467" spans="2:8" ht="15" customHeight="1">
      <c r="B467" s="14" t="s">
        <v>76</v>
      </c>
      <c r="C467" s="12">
        <v>16</v>
      </c>
      <c r="D467" s="12">
        <v>53</v>
      </c>
      <c r="E467" s="12">
        <v>16</v>
      </c>
      <c r="F467" s="12">
        <v>53</v>
      </c>
      <c r="G467" s="12">
        <v>32</v>
      </c>
      <c r="H467" s="12">
        <v>106</v>
      </c>
    </row>
    <row r="468" spans="2:8" ht="15" customHeight="1">
      <c r="B468" s="9" t="s">
        <v>77</v>
      </c>
      <c r="C468" s="13">
        <v>16</v>
      </c>
      <c r="D468" s="13">
        <v>53</v>
      </c>
      <c r="E468" s="13">
        <v>16</v>
      </c>
      <c r="F468" s="13">
        <v>53</v>
      </c>
      <c r="G468" s="13">
        <v>32</v>
      </c>
      <c r="H468" s="13">
        <v>106</v>
      </c>
    </row>
    <row r="469" spans="2:8" ht="15" customHeight="1">
      <c r="B469" s="9" t="s">
        <v>78</v>
      </c>
      <c r="C469" s="13">
        <v>0</v>
      </c>
      <c r="D469" s="13">
        <v>0</v>
      </c>
      <c r="E469" s="13">
        <v>0</v>
      </c>
      <c r="F469" s="13">
        <v>0</v>
      </c>
      <c r="G469" s="13">
        <v>0</v>
      </c>
      <c r="H469" s="13">
        <v>0</v>
      </c>
    </row>
    <row r="470" spans="2:8" ht="15" customHeight="1">
      <c r="B470" s="7" t="s">
        <v>79</v>
      </c>
      <c r="C470" s="12">
        <v>0</v>
      </c>
      <c r="D470" s="12">
        <v>0</v>
      </c>
      <c r="E470" s="12">
        <v>0</v>
      </c>
      <c r="F470" s="12">
        <v>0</v>
      </c>
      <c r="G470" s="12">
        <v>0</v>
      </c>
      <c r="H470" s="12">
        <v>0</v>
      </c>
    </row>
    <row r="471" spans="2:8" ht="15" customHeight="1">
      <c r="B471" s="16" t="s">
        <v>80</v>
      </c>
      <c r="C471" s="17">
        <v>25</v>
      </c>
      <c r="D471" s="17">
        <v>45</v>
      </c>
      <c r="E471" s="17">
        <v>25</v>
      </c>
      <c r="F471" s="17">
        <v>45</v>
      </c>
      <c r="G471" s="17">
        <v>50</v>
      </c>
      <c r="H471" s="17">
        <v>90</v>
      </c>
    </row>
    <row r="472" spans="2:8" ht="15" customHeight="1">
      <c r="B472" s="14" t="s">
        <v>76</v>
      </c>
      <c r="C472" s="15">
        <v>25</v>
      </c>
      <c r="D472" s="15">
        <v>45</v>
      </c>
      <c r="E472" s="15">
        <v>25</v>
      </c>
      <c r="F472" s="15">
        <v>45</v>
      </c>
      <c r="G472" s="15">
        <v>50</v>
      </c>
      <c r="H472" s="15">
        <v>90</v>
      </c>
    </row>
    <row r="473" spans="2:8" ht="15" customHeight="1">
      <c r="B473" s="14" t="s">
        <v>79</v>
      </c>
      <c r="C473" s="15">
        <v>0</v>
      </c>
      <c r="D473" s="15">
        <v>0</v>
      </c>
      <c r="E473" s="15">
        <v>0</v>
      </c>
      <c r="F473" s="15">
        <v>0</v>
      </c>
      <c r="G473" s="15">
        <v>0</v>
      </c>
      <c r="H473" s="15">
        <v>0</v>
      </c>
    </row>
    <row r="474" spans="2:8" ht="15" customHeight="1">
      <c r="B474" s="5" t="s">
        <v>70</v>
      </c>
      <c r="C474" s="11">
        <v>1042</v>
      </c>
      <c r="D474" s="11">
        <v>2796</v>
      </c>
      <c r="E474" s="11">
        <v>1039</v>
      </c>
      <c r="F474" s="11">
        <v>2799</v>
      </c>
      <c r="G474" s="11">
        <v>2081</v>
      </c>
      <c r="H474" s="11">
        <v>5595</v>
      </c>
    </row>
    <row r="475" spans="2:8" ht="15" customHeight="1">
      <c r="B475" s="16" t="s">
        <v>75</v>
      </c>
      <c r="C475" s="17">
        <v>484</v>
      </c>
      <c r="D475" s="17">
        <v>1290</v>
      </c>
      <c r="E475" s="17">
        <v>482</v>
      </c>
      <c r="F475" s="17">
        <v>1279</v>
      </c>
      <c r="G475" s="17">
        <v>966</v>
      </c>
      <c r="H475" s="17">
        <v>2569</v>
      </c>
    </row>
    <row r="476" spans="2:8" ht="15" customHeight="1">
      <c r="B476" s="14" t="s">
        <v>76</v>
      </c>
      <c r="C476" s="12">
        <v>484</v>
      </c>
      <c r="D476" s="12">
        <v>1290</v>
      </c>
      <c r="E476" s="12">
        <v>482</v>
      </c>
      <c r="F476" s="12">
        <v>1279</v>
      </c>
      <c r="G476" s="12">
        <v>966</v>
      </c>
      <c r="H476" s="12">
        <v>2569</v>
      </c>
    </row>
    <row r="477" spans="2:8" ht="15" customHeight="1">
      <c r="B477" s="9" t="s">
        <v>77</v>
      </c>
      <c r="C477" s="13">
        <v>410</v>
      </c>
      <c r="D477" s="13">
        <v>1071</v>
      </c>
      <c r="E477" s="13">
        <v>387</v>
      </c>
      <c r="F477" s="13">
        <v>1021</v>
      </c>
      <c r="G477" s="13">
        <v>797</v>
      </c>
      <c r="H477" s="13">
        <v>2092</v>
      </c>
    </row>
    <row r="478" spans="2:8" ht="15" customHeight="1">
      <c r="B478" s="9" t="s">
        <v>78</v>
      </c>
      <c r="C478" s="13">
        <v>74</v>
      </c>
      <c r="D478" s="13">
        <v>219</v>
      </c>
      <c r="E478" s="13">
        <v>95</v>
      </c>
      <c r="F478" s="13">
        <v>258</v>
      </c>
      <c r="G478" s="13">
        <v>169</v>
      </c>
      <c r="H478" s="13">
        <v>477</v>
      </c>
    </row>
    <row r="479" spans="2:8" ht="15" customHeight="1">
      <c r="B479" s="7" t="s">
        <v>79</v>
      </c>
      <c r="C479" s="12">
        <v>0</v>
      </c>
      <c r="D479" s="12">
        <v>0</v>
      </c>
      <c r="E479" s="12">
        <v>0</v>
      </c>
      <c r="F479" s="12">
        <v>0</v>
      </c>
      <c r="G479" s="12">
        <v>0</v>
      </c>
      <c r="H479" s="12">
        <v>0</v>
      </c>
    </row>
    <row r="480" spans="2:8" ht="15" customHeight="1">
      <c r="B480" s="16" t="s">
        <v>80</v>
      </c>
      <c r="C480" s="17">
        <v>558</v>
      </c>
      <c r="D480" s="17">
        <v>1506</v>
      </c>
      <c r="E480" s="17">
        <v>557</v>
      </c>
      <c r="F480" s="17">
        <v>1520</v>
      </c>
      <c r="G480" s="17">
        <v>1115</v>
      </c>
      <c r="H480" s="17">
        <v>3026</v>
      </c>
    </row>
    <row r="481" spans="2:8" ht="15" customHeight="1">
      <c r="B481" s="14" t="s">
        <v>76</v>
      </c>
      <c r="C481" s="15">
        <v>557</v>
      </c>
      <c r="D481" s="15">
        <v>1504</v>
      </c>
      <c r="E481" s="15">
        <v>556</v>
      </c>
      <c r="F481" s="15">
        <v>1518</v>
      </c>
      <c r="G481" s="15">
        <v>1113</v>
      </c>
      <c r="H481" s="15">
        <v>3022</v>
      </c>
    </row>
    <row r="482" spans="2:8" ht="15" customHeight="1">
      <c r="B482" s="14" t="s">
        <v>79</v>
      </c>
      <c r="C482" s="15">
        <v>1</v>
      </c>
      <c r="D482" s="15">
        <v>2</v>
      </c>
      <c r="E482" s="15">
        <v>1</v>
      </c>
      <c r="F482" s="15">
        <v>2</v>
      </c>
      <c r="G482" s="15">
        <v>2</v>
      </c>
      <c r="H482" s="15">
        <v>4</v>
      </c>
    </row>
    <row r="483" spans="2:8" ht="15" customHeight="1">
      <c r="B483" s="5" t="s">
        <v>71</v>
      </c>
      <c r="C483" s="11">
        <v>254</v>
      </c>
      <c r="D483" s="11">
        <v>622</v>
      </c>
      <c r="E483" s="11">
        <v>250</v>
      </c>
      <c r="F483" s="11">
        <v>623</v>
      </c>
      <c r="G483" s="11">
        <v>504</v>
      </c>
      <c r="H483" s="11">
        <v>1245</v>
      </c>
    </row>
    <row r="484" spans="2:8" ht="15" customHeight="1">
      <c r="B484" s="16" t="s">
        <v>75</v>
      </c>
      <c r="C484" s="17">
        <v>31</v>
      </c>
      <c r="D484" s="17">
        <v>107</v>
      </c>
      <c r="E484" s="17">
        <v>32</v>
      </c>
      <c r="F484" s="17">
        <v>105</v>
      </c>
      <c r="G484" s="17">
        <v>63</v>
      </c>
      <c r="H484" s="17">
        <v>212</v>
      </c>
    </row>
    <row r="485" spans="2:8" ht="15" customHeight="1">
      <c r="B485" s="14" t="s">
        <v>76</v>
      </c>
      <c r="C485" s="12">
        <v>31</v>
      </c>
      <c r="D485" s="12">
        <v>107</v>
      </c>
      <c r="E485" s="12">
        <v>32</v>
      </c>
      <c r="F485" s="12">
        <v>105</v>
      </c>
      <c r="G485" s="12">
        <v>63</v>
      </c>
      <c r="H485" s="12">
        <v>212</v>
      </c>
    </row>
    <row r="486" spans="2:8" ht="15" customHeight="1">
      <c r="B486" s="9" t="s">
        <v>77</v>
      </c>
      <c r="C486" s="13">
        <v>1</v>
      </c>
      <c r="D486" s="13">
        <v>10</v>
      </c>
      <c r="E486" s="13">
        <v>2</v>
      </c>
      <c r="F486" s="13">
        <v>13</v>
      </c>
      <c r="G486" s="13">
        <v>3</v>
      </c>
      <c r="H486" s="13">
        <v>23</v>
      </c>
    </row>
    <row r="487" spans="2:8" ht="15" customHeight="1">
      <c r="B487" s="9" t="s">
        <v>78</v>
      </c>
      <c r="C487" s="13">
        <v>30</v>
      </c>
      <c r="D487" s="13">
        <v>97</v>
      </c>
      <c r="E487" s="13">
        <v>30</v>
      </c>
      <c r="F487" s="13">
        <v>92</v>
      </c>
      <c r="G487" s="13">
        <v>60</v>
      </c>
      <c r="H487" s="13">
        <v>189</v>
      </c>
    </row>
    <row r="488" spans="2:8" ht="15" customHeight="1">
      <c r="B488" s="7" t="s">
        <v>79</v>
      </c>
      <c r="C488" s="12">
        <v>0</v>
      </c>
      <c r="D488" s="12">
        <v>0</v>
      </c>
      <c r="E488" s="12">
        <v>0</v>
      </c>
      <c r="F488" s="12">
        <v>0</v>
      </c>
      <c r="G488" s="12">
        <v>0</v>
      </c>
      <c r="H488" s="12">
        <v>0</v>
      </c>
    </row>
    <row r="489" spans="2:8" ht="15" customHeight="1">
      <c r="B489" s="16" t="s">
        <v>80</v>
      </c>
      <c r="C489" s="17">
        <v>223</v>
      </c>
      <c r="D489" s="17">
        <v>515</v>
      </c>
      <c r="E489" s="17">
        <v>218</v>
      </c>
      <c r="F489" s="17">
        <v>518</v>
      </c>
      <c r="G489" s="17">
        <v>441</v>
      </c>
      <c r="H489" s="17">
        <v>1033</v>
      </c>
    </row>
    <row r="490" spans="2:8" ht="15" customHeight="1">
      <c r="B490" s="14" t="s">
        <v>76</v>
      </c>
      <c r="C490" s="15">
        <v>220</v>
      </c>
      <c r="D490" s="15">
        <v>512</v>
      </c>
      <c r="E490" s="15">
        <v>215</v>
      </c>
      <c r="F490" s="15">
        <v>515</v>
      </c>
      <c r="G490" s="15">
        <v>435</v>
      </c>
      <c r="H490" s="15">
        <v>1027</v>
      </c>
    </row>
    <row r="491" spans="2:8" ht="15" customHeight="1">
      <c r="B491" s="14" t="s">
        <v>79</v>
      </c>
      <c r="C491" s="15">
        <v>3</v>
      </c>
      <c r="D491" s="15">
        <v>3</v>
      </c>
      <c r="E491" s="15">
        <v>3</v>
      </c>
      <c r="F491" s="15">
        <v>3</v>
      </c>
      <c r="G491" s="15">
        <v>6</v>
      </c>
      <c r="H491" s="15">
        <v>6</v>
      </c>
    </row>
    <row r="492" spans="2:8" ht="15" customHeight="1">
      <c r="B492" s="5" t="s">
        <v>72</v>
      </c>
      <c r="C492" s="11">
        <v>1810</v>
      </c>
      <c r="D492" s="11">
        <v>5167</v>
      </c>
      <c r="E492" s="11">
        <v>1809</v>
      </c>
      <c r="F492" s="11">
        <v>5165</v>
      </c>
      <c r="G492" s="11">
        <v>3619</v>
      </c>
      <c r="H492" s="11">
        <v>10332</v>
      </c>
    </row>
    <row r="493" spans="2:8" ht="15" customHeight="1">
      <c r="B493" s="16" t="s">
        <v>75</v>
      </c>
      <c r="C493" s="17">
        <v>1041</v>
      </c>
      <c r="D493" s="17">
        <v>3043</v>
      </c>
      <c r="E493" s="17">
        <v>1040</v>
      </c>
      <c r="F493" s="17">
        <v>3040</v>
      </c>
      <c r="G493" s="17">
        <v>2081</v>
      </c>
      <c r="H493" s="17">
        <v>6083</v>
      </c>
    </row>
    <row r="494" spans="2:8" ht="15" customHeight="1">
      <c r="B494" s="14" t="s">
        <v>76</v>
      </c>
      <c r="C494" s="12">
        <v>1037</v>
      </c>
      <c r="D494" s="12">
        <v>3032</v>
      </c>
      <c r="E494" s="12">
        <v>1036</v>
      </c>
      <c r="F494" s="12">
        <v>3029</v>
      </c>
      <c r="G494" s="12">
        <v>2073</v>
      </c>
      <c r="H494" s="12">
        <v>6061</v>
      </c>
    </row>
    <row r="495" spans="2:8" ht="15" customHeight="1">
      <c r="B495" s="9" t="s">
        <v>77</v>
      </c>
      <c r="C495" s="13">
        <v>1037</v>
      </c>
      <c r="D495" s="13">
        <v>3032</v>
      </c>
      <c r="E495" s="13">
        <v>1036</v>
      </c>
      <c r="F495" s="13">
        <v>3029</v>
      </c>
      <c r="G495" s="13">
        <v>2073</v>
      </c>
      <c r="H495" s="13">
        <v>6061</v>
      </c>
    </row>
    <row r="496" spans="2:8" ht="15" customHeight="1">
      <c r="B496" s="9" t="s">
        <v>78</v>
      </c>
      <c r="C496" s="13">
        <v>0</v>
      </c>
      <c r="D496" s="13">
        <v>0</v>
      </c>
      <c r="E496" s="13">
        <v>0</v>
      </c>
      <c r="F496" s="13">
        <v>0</v>
      </c>
      <c r="G496" s="13">
        <v>0</v>
      </c>
      <c r="H496" s="13">
        <v>0</v>
      </c>
    </row>
    <row r="497" spans="2:8" ht="15" customHeight="1">
      <c r="B497" s="7" t="s">
        <v>79</v>
      </c>
      <c r="C497" s="12">
        <v>4</v>
      </c>
      <c r="D497" s="12">
        <v>11</v>
      </c>
      <c r="E497" s="12">
        <v>4</v>
      </c>
      <c r="F497" s="12">
        <v>11</v>
      </c>
      <c r="G497" s="12">
        <v>8</v>
      </c>
      <c r="H497" s="12">
        <v>22</v>
      </c>
    </row>
    <row r="498" spans="2:8" ht="15" customHeight="1">
      <c r="B498" s="16" t="s">
        <v>80</v>
      </c>
      <c r="C498" s="17">
        <v>769</v>
      </c>
      <c r="D498" s="17">
        <v>2124</v>
      </c>
      <c r="E498" s="17">
        <v>769</v>
      </c>
      <c r="F498" s="17">
        <v>2125</v>
      </c>
      <c r="G498" s="17">
        <v>1538</v>
      </c>
      <c r="H498" s="17">
        <v>4249</v>
      </c>
    </row>
    <row r="499" spans="2:8" ht="15" customHeight="1">
      <c r="B499" s="14" t="s">
        <v>76</v>
      </c>
      <c r="C499" s="15">
        <v>765</v>
      </c>
      <c r="D499" s="15">
        <v>2115</v>
      </c>
      <c r="E499" s="15">
        <v>765</v>
      </c>
      <c r="F499" s="15">
        <v>2117</v>
      </c>
      <c r="G499" s="15">
        <v>1530</v>
      </c>
      <c r="H499" s="15">
        <v>4232</v>
      </c>
    </row>
    <row r="500" spans="2:8" ht="15" customHeight="1">
      <c r="B500" s="14" t="s">
        <v>79</v>
      </c>
      <c r="C500" s="15">
        <v>4</v>
      </c>
      <c r="D500" s="15">
        <v>9</v>
      </c>
      <c r="E500" s="15">
        <v>4</v>
      </c>
      <c r="F500" s="15">
        <v>8</v>
      </c>
      <c r="G500" s="15">
        <v>8</v>
      </c>
      <c r="H500" s="15">
        <v>17</v>
      </c>
    </row>
    <row r="501" spans="2:8" ht="15" customHeight="1">
      <c r="B501" s="18"/>
    </row>
    <row r="502" spans="2:8" ht="15" customHeight="1">
      <c r="B502" s="19" t="s">
        <v>94</v>
      </c>
    </row>
  </sheetData>
  <mergeCells count="2">
    <mergeCell ref="C2:H2"/>
    <mergeCell ref="B3:H3"/>
  </mergeCells>
  <pageMargins left="0.78740157499999996" right="0.78740157499999996" top="0.984251969" bottom="0.984251969" header="0.4921259845" footer="0.4921259845"/>
  <pageSetup paperSize="9" orientation="portrait" verticalDpi="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J502"/>
  <sheetViews>
    <sheetView showGridLines="0" zoomScale="90" zoomScaleNormal="90" workbookViewId="0">
      <pane xSplit="2" ySplit="5" topLeftCell="C6" activePane="bottomRight" state="frozen"/>
      <selection pane="topRight" activeCell="C1" sqref="C1"/>
      <selection pane="bottomLeft" activeCell="A6" sqref="A6"/>
      <selection pane="bottomRight" activeCell="K13" sqref="K13"/>
    </sheetView>
  </sheetViews>
  <sheetFormatPr defaultRowHeight="15" customHeight="1"/>
  <cols>
    <col min="1" max="1" width="2" style="1" customWidth="1"/>
    <col min="2" max="2" width="53" style="1" customWidth="1"/>
    <col min="3" max="4" width="17.85546875" style="1" bestFit="1" customWidth="1"/>
    <col min="5" max="6" width="20.85546875" style="1" bestFit="1" customWidth="1"/>
    <col min="7" max="7" width="21.140625" style="1" bestFit="1" customWidth="1"/>
    <col min="8" max="8" width="21" style="1" bestFit="1" customWidth="1"/>
    <col min="9" max="9" width="15.5703125" style="1" bestFit="1" customWidth="1"/>
    <col min="10" max="10" width="15.28515625" style="1" customWidth="1"/>
    <col min="11" max="16384" width="9.140625" style="1"/>
  </cols>
  <sheetData>
    <row r="2" spans="2:10" ht="18.75">
      <c r="B2" s="2"/>
      <c r="C2" s="22" t="s">
        <v>89</v>
      </c>
      <c r="D2" s="22"/>
      <c r="E2" s="22"/>
      <c r="F2" s="22"/>
      <c r="G2" s="22"/>
      <c r="H2" s="22"/>
      <c r="I2" s="22"/>
      <c r="J2" s="22"/>
    </row>
    <row r="3" spans="2:10" ht="15.75">
      <c r="B3" s="23" t="s">
        <v>91</v>
      </c>
      <c r="C3" s="23"/>
      <c r="D3" s="23"/>
      <c r="E3" s="23"/>
      <c r="F3" s="23"/>
      <c r="G3" s="23"/>
      <c r="H3" s="23"/>
      <c r="I3" s="23"/>
      <c r="J3" s="23"/>
    </row>
    <row r="4" spans="2:10" ht="8.25" customHeight="1">
      <c r="B4" s="3"/>
    </row>
    <row r="5" spans="2:10" ht="15" customHeight="1">
      <c r="B5" s="4" t="s">
        <v>0</v>
      </c>
      <c r="C5" s="4" t="s">
        <v>7</v>
      </c>
      <c r="D5" s="4" t="s">
        <v>8</v>
      </c>
      <c r="E5" s="4" t="s">
        <v>9</v>
      </c>
      <c r="F5" s="4" t="s">
        <v>10</v>
      </c>
      <c r="G5" s="4" t="s">
        <v>11</v>
      </c>
      <c r="H5" s="4" t="s">
        <v>12</v>
      </c>
      <c r="I5" s="4" t="s">
        <v>13</v>
      </c>
      <c r="J5" s="4" t="s">
        <v>14</v>
      </c>
    </row>
    <row r="6" spans="2:10" ht="15" customHeight="1">
      <c r="B6" s="5" t="s">
        <v>74</v>
      </c>
      <c r="C6" s="6">
        <v>10955226</v>
      </c>
      <c r="D6" s="6">
        <v>29853198</v>
      </c>
      <c r="E6" s="6">
        <v>13593614</v>
      </c>
      <c r="F6" s="6">
        <v>39421518</v>
      </c>
      <c r="G6" s="6">
        <v>24548840</v>
      </c>
      <c r="H6" s="6">
        <v>69274716</v>
      </c>
      <c r="I6" s="6">
        <v>5063330</v>
      </c>
      <c r="J6" s="6">
        <v>12955472</v>
      </c>
    </row>
    <row r="7" spans="2:10" ht="15" customHeight="1">
      <c r="B7" s="16" t="s">
        <v>75</v>
      </c>
      <c r="C7" s="20">
        <v>10518204</v>
      </c>
      <c r="D7" s="20">
        <v>29079197</v>
      </c>
      <c r="E7" s="20">
        <v>13199977</v>
      </c>
      <c r="F7" s="20">
        <v>38537944</v>
      </c>
      <c r="G7" s="20">
        <v>23718181</v>
      </c>
      <c r="H7" s="20">
        <v>67617141</v>
      </c>
      <c r="I7" s="20">
        <v>4998142</v>
      </c>
      <c r="J7" s="20">
        <v>12755894</v>
      </c>
    </row>
    <row r="8" spans="2:10" ht="15" customHeight="1">
      <c r="B8" s="7" t="s">
        <v>81</v>
      </c>
      <c r="C8" s="8">
        <v>9349348</v>
      </c>
      <c r="D8" s="8">
        <v>26227001</v>
      </c>
      <c r="E8" s="8">
        <v>10542460</v>
      </c>
      <c r="F8" s="8">
        <v>30047466</v>
      </c>
      <c r="G8" s="8">
        <v>19891808</v>
      </c>
      <c r="H8" s="8">
        <v>56274467</v>
      </c>
      <c r="I8" s="8">
        <v>4378830</v>
      </c>
      <c r="J8" s="8">
        <v>11261674</v>
      </c>
    </row>
    <row r="9" spans="2:10" ht="15" customHeight="1">
      <c r="B9" s="9" t="s">
        <v>77</v>
      </c>
      <c r="C9" s="10">
        <v>8835043</v>
      </c>
      <c r="D9" s="10">
        <v>24872524</v>
      </c>
      <c r="E9" s="10">
        <v>10132945</v>
      </c>
      <c r="F9" s="10">
        <v>28954984</v>
      </c>
      <c r="G9" s="10">
        <v>18967988</v>
      </c>
      <c r="H9" s="10">
        <v>53827508</v>
      </c>
      <c r="I9" s="10">
        <v>4254654</v>
      </c>
      <c r="J9" s="10">
        <v>10932716</v>
      </c>
    </row>
    <row r="10" spans="2:10" ht="15" customHeight="1">
      <c r="B10" s="9" t="s">
        <v>78</v>
      </c>
      <c r="C10" s="10">
        <v>514305</v>
      </c>
      <c r="D10" s="10">
        <v>1354477</v>
      </c>
      <c r="E10" s="10">
        <v>409515</v>
      </c>
      <c r="F10" s="10">
        <v>1092482</v>
      </c>
      <c r="G10" s="10">
        <v>923820</v>
      </c>
      <c r="H10" s="10">
        <v>2446959</v>
      </c>
      <c r="I10" s="10">
        <v>124176</v>
      </c>
      <c r="J10" s="10">
        <v>328958</v>
      </c>
    </row>
    <row r="11" spans="2:10" ht="15" customHeight="1">
      <c r="B11" s="7" t="s">
        <v>82</v>
      </c>
      <c r="C11" s="8">
        <v>1168856</v>
      </c>
      <c r="D11" s="8">
        <v>2852196</v>
      </c>
      <c r="E11" s="8">
        <v>2657517</v>
      </c>
      <c r="F11" s="8">
        <v>8490478</v>
      </c>
      <c r="G11" s="8">
        <v>3826373</v>
      </c>
      <c r="H11" s="8">
        <v>11342674</v>
      </c>
      <c r="I11" s="8">
        <v>619312</v>
      </c>
      <c r="J11" s="8">
        <v>1494220</v>
      </c>
    </row>
    <row r="12" spans="2:10" ht="15" customHeight="1">
      <c r="B12" s="16" t="s">
        <v>80</v>
      </c>
      <c r="C12" s="20">
        <v>437022</v>
      </c>
      <c r="D12" s="20">
        <v>774001</v>
      </c>
      <c r="E12" s="20">
        <v>393637</v>
      </c>
      <c r="F12" s="20">
        <v>883574</v>
      </c>
      <c r="G12" s="20">
        <v>830659</v>
      </c>
      <c r="H12" s="20">
        <v>1657575</v>
      </c>
      <c r="I12" s="20">
        <v>65188</v>
      </c>
      <c r="J12" s="20">
        <v>199578</v>
      </c>
    </row>
    <row r="13" spans="2:10" ht="15" customHeight="1">
      <c r="B13" s="14" t="s">
        <v>81</v>
      </c>
      <c r="C13" s="21">
        <v>423511</v>
      </c>
      <c r="D13" s="21">
        <v>727452</v>
      </c>
      <c r="E13" s="21">
        <v>245867</v>
      </c>
      <c r="F13" s="21">
        <v>509141</v>
      </c>
      <c r="G13" s="21">
        <v>669378</v>
      </c>
      <c r="H13" s="21">
        <v>1236593</v>
      </c>
      <c r="I13" s="21">
        <v>31512</v>
      </c>
      <c r="J13" s="21">
        <v>101921</v>
      </c>
    </row>
    <row r="14" spans="2:10" ht="15" customHeight="1">
      <c r="B14" s="14" t="s">
        <v>82</v>
      </c>
      <c r="C14" s="21">
        <v>13511</v>
      </c>
      <c r="D14" s="21">
        <v>46549</v>
      </c>
      <c r="E14" s="21">
        <v>147770</v>
      </c>
      <c r="F14" s="21">
        <v>374433</v>
      </c>
      <c r="G14" s="21">
        <v>161281</v>
      </c>
      <c r="H14" s="21">
        <v>420982</v>
      </c>
      <c r="I14" s="21">
        <v>33676</v>
      </c>
      <c r="J14" s="21">
        <v>97657</v>
      </c>
    </row>
    <row r="15" spans="2:10" ht="15" customHeight="1">
      <c r="B15" s="5" t="s">
        <v>21</v>
      </c>
      <c r="C15" s="6">
        <v>35890</v>
      </c>
      <c r="D15" s="6">
        <v>95000</v>
      </c>
      <c r="E15" s="6">
        <v>177841</v>
      </c>
      <c r="F15" s="6">
        <v>471423</v>
      </c>
      <c r="G15" s="6">
        <v>213731</v>
      </c>
      <c r="H15" s="6">
        <v>566423</v>
      </c>
      <c r="I15" s="6">
        <v>32444</v>
      </c>
      <c r="J15" s="6">
        <v>89161</v>
      </c>
    </row>
    <row r="16" spans="2:10" ht="15" customHeight="1">
      <c r="B16" s="16" t="s">
        <v>75</v>
      </c>
      <c r="C16" s="20">
        <v>35890</v>
      </c>
      <c r="D16" s="20">
        <v>92074</v>
      </c>
      <c r="E16" s="20">
        <v>177441</v>
      </c>
      <c r="F16" s="20">
        <v>466982</v>
      </c>
      <c r="G16" s="20">
        <v>213331</v>
      </c>
      <c r="H16" s="20">
        <v>559056</v>
      </c>
      <c r="I16" s="20">
        <v>32444</v>
      </c>
      <c r="J16" s="20">
        <v>88096</v>
      </c>
    </row>
    <row r="17" spans="2:10" ht="15" customHeight="1">
      <c r="B17" s="7" t="s">
        <v>81</v>
      </c>
      <c r="C17" s="8">
        <v>35890</v>
      </c>
      <c r="D17" s="8">
        <v>92074</v>
      </c>
      <c r="E17" s="8">
        <v>177441</v>
      </c>
      <c r="F17" s="8">
        <v>466982</v>
      </c>
      <c r="G17" s="8">
        <v>213331</v>
      </c>
      <c r="H17" s="8">
        <v>559056</v>
      </c>
      <c r="I17" s="8">
        <v>32444</v>
      </c>
      <c r="J17" s="8">
        <v>88096</v>
      </c>
    </row>
    <row r="18" spans="2:10" ht="15" customHeight="1">
      <c r="B18" s="9" t="s">
        <v>77</v>
      </c>
      <c r="C18" s="10">
        <v>35890</v>
      </c>
      <c r="D18" s="10">
        <v>92074</v>
      </c>
      <c r="E18" s="10">
        <v>177441</v>
      </c>
      <c r="F18" s="10">
        <v>466982</v>
      </c>
      <c r="G18" s="10">
        <v>213331</v>
      </c>
      <c r="H18" s="10">
        <v>559056</v>
      </c>
      <c r="I18" s="10">
        <v>32444</v>
      </c>
      <c r="J18" s="10">
        <v>88096</v>
      </c>
    </row>
    <row r="19" spans="2:10" ht="15" customHeight="1">
      <c r="B19" s="9" t="s">
        <v>78</v>
      </c>
      <c r="C19" s="10">
        <v>0</v>
      </c>
      <c r="D19" s="10">
        <v>0</v>
      </c>
      <c r="E19" s="10">
        <v>0</v>
      </c>
      <c r="F19" s="10">
        <v>0</v>
      </c>
      <c r="G19" s="10">
        <v>0</v>
      </c>
      <c r="H19" s="10">
        <v>0</v>
      </c>
      <c r="I19" s="10">
        <v>0</v>
      </c>
      <c r="J19" s="10">
        <v>0</v>
      </c>
    </row>
    <row r="20" spans="2:10" ht="15" customHeight="1">
      <c r="B20" s="7" t="s">
        <v>82</v>
      </c>
      <c r="C20" s="8">
        <v>0</v>
      </c>
      <c r="D20" s="8">
        <v>0</v>
      </c>
      <c r="E20" s="8">
        <v>0</v>
      </c>
      <c r="F20" s="8">
        <v>0</v>
      </c>
      <c r="G20" s="8">
        <v>0</v>
      </c>
      <c r="H20" s="8">
        <v>0</v>
      </c>
      <c r="I20" s="8">
        <v>0</v>
      </c>
      <c r="J20" s="8">
        <v>0</v>
      </c>
    </row>
    <row r="21" spans="2:10" ht="15" customHeight="1">
      <c r="B21" s="16" t="s">
        <v>80</v>
      </c>
      <c r="C21" s="20">
        <v>0</v>
      </c>
      <c r="D21" s="20">
        <v>2926</v>
      </c>
      <c r="E21" s="20">
        <v>400</v>
      </c>
      <c r="F21" s="20">
        <v>4441</v>
      </c>
      <c r="G21" s="20">
        <v>400</v>
      </c>
      <c r="H21" s="20">
        <v>7367</v>
      </c>
      <c r="I21" s="20">
        <v>0</v>
      </c>
      <c r="J21" s="20">
        <v>1065</v>
      </c>
    </row>
    <row r="22" spans="2:10" ht="15" customHeight="1">
      <c r="B22" s="14" t="s">
        <v>81</v>
      </c>
      <c r="C22" s="21">
        <v>0</v>
      </c>
      <c r="D22" s="21">
        <v>2926</v>
      </c>
      <c r="E22" s="21">
        <v>400</v>
      </c>
      <c r="F22" s="21">
        <v>4441</v>
      </c>
      <c r="G22" s="21">
        <v>400</v>
      </c>
      <c r="H22" s="21">
        <v>7367</v>
      </c>
      <c r="I22" s="21">
        <v>0</v>
      </c>
      <c r="J22" s="21">
        <v>1065</v>
      </c>
    </row>
    <row r="23" spans="2:10" ht="15" customHeight="1">
      <c r="B23" s="14" t="s">
        <v>82</v>
      </c>
      <c r="C23" s="21">
        <v>0</v>
      </c>
      <c r="D23" s="21">
        <v>0</v>
      </c>
      <c r="E23" s="21">
        <v>0</v>
      </c>
      <c r="F23" s="21">
        <v>0</v>
      </c>
      <c r="G23" s="21">
        <v>0</v>
      </c>
      <c r="H23" s="21">
        <v>0</v>
      </c>
      <c r="I23" s="21">
        <v>0</v>
      </c>
      <c r="J23" s="21">
        <v>0</v>
      </c>
    </row>
    <row r="24" spans="2:10" ht="15" customHeight="1">
      <c r="B24" s="5" t="s">
        <v>22</v>
      </c>
      <c r="C24" s="6">
        <v>727566</v>
      </c>
      <c r="D24" s="6">
        <v>2121272</v>
      </c>
      <c r="E24" s="6">
        <v>1003691</v>
      </c>
      <c r="F24" s="6">
        <v>2722008</v>
      </c>
      <c r="G24" s="6">
        <v>1731257</v>
      </c>
      <c r="H24" s="6">
        <v>4843280</v>
      </c>
      <c r="I24" s="6">
        <v>317841</v>
      </c>
      <c r="J24" s="6">
        <v>936364</v>
      </c>
    </row>
    <row r="25" spans="2:10" ht="15" customHeight="1">
      <c r="B25" s="16" t="s">
        <v>75</v>
      </c>
      <c r="C25" s="20">
        <v>713103</v>
      </c>
      <c r="D25" s="20">
        <v>2089403</v>
      </c>
      <c r="E25" s="20">
        <v>997287</v>
      </c>
      <c r="F25" s="20">
        <v>2686030</v>
      </c>
      <c r="G25" s="20">
        <v>1710390</v>
      </c>
      <c r="H25" s="20">
        <v>4775433</v>
      </c>
      <c r="I25" s="20">
        <v>317143</v>
      </c>
      <c r="J25" s="20">
        <v>933719</v>
      </c>
    </row>
    <row r="26" spans="2:10" ht="15" customHeight="1">
      <c r="B26" s="7" t="s">
        <v>81</v>
      </c>
      <c r="C26" s="8">
        <v>652244</v>
      </c>
      <c r="D26" s="8">
        <v>1920469</v>
      </c>
      <c r="E26" s="8">
        <v>927967</v>
      </c>
      <c r="F26" s="8">
        <v>2541188</v>
      </c>
      <c r="G26" s="8">
        <v>1580211</v>
      </c>
      <c r="H26" s="8">
        <v>4461657</v>
      </c>
      <c r="I26" s="8">
        <v>309564</v>
      </c>
      <c r="J26" s="8">
        <v>923545</v>
      </c>
    </row>
    <row r="27" spans="2:10" ht="15" customHeight="1">
      <c r="B27" s="9" t="s">
        <v>77</v>
      </c>
      <c r="C27" s="10">
        <v>652244</v>
      </c>
      <c r="D27" s="10">
        <v>1920469</v>
      </c>
      <c r="E27" s="10">
        <v>927967</v>
      </c>
      <c r="F27" s="10">
        <v>2541188</v>
      </c>
      <c r="G27" s="10">
        <v>1580211</v>
      </c>
      <c r="H27" s="10">
        <v>4461657</v>
      </c>
      <c r="I27" s="10">
        <v>309564</v>
      </c>
      <c r="J27" s="10">
        <v>923545</v>
      </c>
    </row>
    <row r="28" spans="2:10" ht="15" customHeight="1">
      <c r="B28" s="9" t="s">
        <v>78</v>
      </c>
      <c r="C28" s="10">
        <v>0</v>
      </c>
      <c r="D28" s="10">
        <v>0</v>
      </c>
      <c r="E28" s="10">
        <v>0</v>
      </c>
      <c r="F28" s="10">
        <v>0</v>
      </c>
      <c r="G28" s="10">
        <v>0</v>
      </c>
      <c r="H28" s="10">
        <v>0</v>
      </c>
      <c r="I28" s="10">
        <v>0</v>
      </c>
      <c r="J28" s="10">
        <v>0</v>
      </c>
    </row>
    <row r="29" spans="2:10" ht="15" customHeight="1">
      <c r="B29" s="7" t="s">
        <v>82</v>
      </c>
      <c r="C29" s="8">
        <v>60859</v>
      </c>
      <c r="D29" s="8">
        <v>168934</v>
      </c>
      <c r="E29" s="8">
        <v>69320</v>
      </c>
      <c r="F29" s="8">
        <v>144842</v>
      </c>
      <c r="G29" s="8">
        <v>130179</v>
      </c>
      <c r="H29" s="8">
        <v>313776</v>
      </c>
      <c r="I29" s="8">
        <v>7579</v>
      </c>
      <c r="J29" s="8">
        <v>10174</v>
      </c>
    </row>
    <row r="30" spans="2:10" ht="15" customHeight="1">
      <c r="B30" s="16" t="s">
        <v>80</v>
      </c>
      <c r="C30" s="20">
        <v>14463</v>
      </c>
      <c r="D30" s="20">
        <v>31869</v>
      </c>
      <c r="E30" s="20">
        <v>6404</v>
      </c>
      <c r="F30" s="20">
        <v>35978</v>
      </c>
      <c r="G30" s="20">
        <v>20867</v>
      </c>
      <c r="H30" s="20">
        <v>67847</v>
      </c>
      <c r="I30" s="20">
        <v>698</v>
      </c>
      <c r="J30" s="20">
        <v>2645</v>
      </c>
    </row>
    <row r="31" spans="2:10" ht="15" customHeight="1">
      <c r="B31" s="14" t="s">
        <v>81</v>
      </c>
      <c r="C31" s="21">
        <v>14463</v>
      </c>
      <c r="D31" s="21">
        <v>31869</v>
      </c>
      <c r="E31" s="21">
        <v>5909</v>
      </c>
      <c r="F31" s="21">
        <v>35383</v>
      </c>
      <c r="G31" s="21">
        <v>20372</v>
      </c>
      <c r="H31" s="21">
        <v>67252</v>
      </c>
      <c r="I31" s="21">
        <v>698</v>
      </c>
      <c r="J31" s="21">
        <v>2645</v>
      </c>
    </row>
    <row r="32" spans="2:10" ht="15" customHeight="1">
      <c r="B32" s="14" t="s">
        <v>82</v>
      </c>
      <c r="C32" s="21">
        <v>0</v>
      </c>
      <c r="D32" s="21">
        <v>0</v>
      </c>
      <c r="E32" s="21">
        <v>495</v>
      </c>
      <c r="F32" s="21">
        <v>595</v>
      </c>
      <c r="G32" s="21">
        <v>495</v>
      </c>
      <c r="H32" s="21">
        <v>595</v>
      </c>
      <c r="I32" s="21">
        <v>0</v>
      </c>
      <c r="J32" s="21">
        <v>0</v>
      </c>
    </row>
    <row r="33" spans="2:10" ht="15" customHeight="1">
      <c r="B33" s="5" t="s">
        <v>23</v>
      </c>
      <c r="C33" s="6">
        <v>0</v>
      </c>
      <c r="D33" s="6">
        <v>0</v>
      </c>
      <c r="E33" s="6">
        <v>0</v>
      </c>
      <c r="F33" s="6">
        <v>0</v>
      </c>
      <c r="G33" s="6">
        <v>0</v>
      </c>
      <c r="H33" s="6">
        <v>0</v>
      </c>
      <c r="I33" s="6">
        <v>0</v>
      </c>
      <c r="J33" s="6">
        <v>0</v>
      </c>
    </row>
    <row r="34" spans="2:10" ht="15" customHeight="1">
      <c r="B34" s="16" t="s">
        <v>75</v>
      </c>
      <c r="C34" s="20">
        <v>0</v>
      </c>
      <c r="D34" s="20">
        <v>0</v>
      </c>
      <c r="E34" s="20">
        <v>0</v>
      </c>
      <c r="F34" s="20">
        <v>0</v>
      </c>
      <c r="G34" s="20">
        <v>0</v>
      </c>
      <c r="H34" s="20">
        <v>0</v>
      </c>
      <c r="I34" s="20">
        <v>0</v>
      </c>
      <c r="J34" s="20">
        <v>0</v>
      </c>
    </row>
    <row r="35" spans="2:10" ht="15" customHeight="1">
      <c r="B35" s="7" t="s">
        <v>81</v>
      </c>
      <c r="C35" s="8">
        <v>0</v>
      </c>
      <c r="D35" s="8">
        <v>0</v>
      </c>
      <c r="E35" s="8">
        <v>0</v>
      </c>
      <c r="F35" s="8">
        <v>0</v>
      </c>
      <c r="G35" s="8">
        <v>0</v>
      </c>
      <c r="H35" s="8">
        <v>0</v>
      </c>
      <c r="I35" s="8">
        <v>0</v>
      </c>
      <c r="J35" s="8">
        <v>0</v>
      </c>
    </row>
    <row r="36" spans="2:10" ht="15" customHeight="1">
      <c r="B36" s="9" t="s">
        <v>77</v>
      </c>
      <c r="C36" s="10">
        <v>0</v>
      </c>
      <c r="D36" s="10">
        <v>0</v>
      </c>
      <c r="E36" s="10">
        <v>0</v>
      </c>
      <c r="F36" s="10">
        <v>0</v>
      </c>
      <c r="G36" s="10">
        <v>0</v>
      </c>
      <c r="H36" s="10">
        <v>0</v>
      </c>
      <c r="I36" s="10">
        <v>0</v>
      </c>
      <c r="J36" s="10">
        <v>0</v>
      </c>
    </row>
    <row r="37" spans="2:10" ht="15" customHeight="1">
      <c r="B37" s="9" t="s">
        <v>78</v>
      </c>
      <c r="C37" s="10">
        <v>0</v>
      </c>
      <c r="D37" s="10">
        <v>0</v>
      </c>
      <c r="E37" s="10">
        <v>0</v>
      </c>
      <c r="F37" s="10">
        <v>0</v>
      </c>
      <c r="G37" s="10">
        <v>0</v>
      </c>
      <c r="H37" s="10">
        <v>0</v>
      </c>
      <c r="I37" s="10">
        <v>0</v>
      </c>
      <c r="J37" s="10">
        <v>0</v>
      </c>
    </row>
    <row r="38" spans="2:10" ht="15" customHeight="1">
      <c r="B38" s="7" t="s">
        <v>82</v>
      </c>
      <c r="C38" s="8">
        <v>0</v>
      </c>
      <c r="D38" s="8">
        <v>0</v>
      </c>
      <c r="E38" s="8">
        <v>0</v>
      </c>
      <c r="F38" s="8">
        <v>0</v>
      </c>
      <c r="G38" s="8">
        <v>0</v>
      </c>
      <c r="H38" s="8">
        <v>0</v>
      </c>
      <c r="I38" s="8">
        <v>0</v>
      </c>
      <c r="J38" s="8">
        <v>0</v>
      </c>
    </row>
    <row r="39" spans="2:10" ht="15" customHeight="1">
      <c r="B39" s="16" t="s">
        <v>80</v>
      </c>
      <c r="C39" s="20">
        <v>0</v>
      </c>
      <c r="D39" s="20">
        <v>0</v>
      </c>
      <c r="E39" s="20">
        <v>0</v>
      </c>
      <c r="F39" s="20">
        <v>0</v>
      </c>
      <c r="G39" s="20">
        <v>0</v>
      </c>
      <c r="H39" s="20">
        <v>0</v>
      </c>
      <c r="I39" s="20">
        <v>0</v>
      </c>
      <c r="J39" s="20">
        <v>0</v>
      </c>
    </row>
    <row r="40" spans="2:10" ht="15" customHeight="1">
      <c r="B40" s="14" t="s">
        <v>81</v>
      </c>
      <c r="C40" s="21">
        <v>0</v>
      </c>
      <c r="D40" s="21">
        <v>0</v>
      </c>
      <c r="E40" s="21">
        <v>0</v>
      </c>
      <c r="F40" s="21">
        <v>0</v>
      </c>
      <c r="G40" s="21">
        <v>0</v>
      </c>
      <c r="H40" s="21">
        <v>0</v>
      </c>
      <c r="I40" s="21">
        <v>0</v>
      </c>
      <c r="J40" s="21">
        <v>0</v>
      </c>
    </row>
    <row r="41" spans="2:10" ht="15" customHeight="1">
      <c r="B41" s="14" t="s">
        <v>82</v>
      </c>
      <c r="C41" s="21">
        <v>0</v>
      </c>
      <c r="D41" s="21">
        <v>0</v>
      </c>
      <c r="E41" s="21">
        <v>0</v>
      </c>
      <c r="F41" s="21">
        <v>0</v>
      </c>
      <c r="G41" s="21">
        <v>0</v>
      </c>
      <c r="H41" s="21">
        <v>0</v>
      </c>
      <c r="I41" s="21">
        <v>0</v>
      </c>
      <c r="J41" s="21">
        <v>0</v>
      </c>
    </row>
    <row r="42" spans="2:10" ht="15" customHeight="1">
      <c r="B42" s="5" t="s">
        <v>73</v>
      </c>
      <c r="C42" s="6">
        <v>0</v>
      </c>
      <c r="D42" s="6">
        <v>0</v>
      </c>
      <c r="E42" s="6">
        <v>0</v>
      </c>
      <c r="F42" s="6">
        <v>0</v>
      </c>
      <c r="G42" s="6">
        <v>0</v>
      </c>
      <c r="H42" s="6">
        <v>0</v>
      </c>
      <c r="I42" s="6">
        <v>0</v>
      </c>
      <c r="J42" s="6">
        <v>0</v>
      </c>
    </row>
    <row r="43" spans="2:10" ht="15" customHeight="1">
      <c r="B43" s="16" t="s">
        <v>75</v>
      </c>
      <c r="C43" s="20">
        <v>0</v>
      </c>
      <c r="D43" s="20">
        <v>0</v>
      </c>
      <c r="E43" s="20">
        <v>0</v>
      </c>
      <c r="F43" s="20">
        <v>0</v>
      </c>
      <c r="G43" s="20">
        <v>0</v>
      </c>
      <c r="H43" s="20">
        <v>0</v>
      </c>
      <c r="I43" s="20">
        <v>0</v>
      </c>
      <c r="J43" s="20">
        <v>0</v>
      </c>
    </row>
    <row r="44" spans="2:10" ht="15" customHeight="1">
      <c r="B44" s="7" t="s">
        <v>81</v>
      </c>
      <c r="C44" s="8">
        <v>0</v>
      </c>
      <c r="D44" s="8">
        <v>0</v>
      </c>
      <c r="E44" s="8">
        <v>0</v>
      </c>
      <c r="F44" s="8">
        <v>0</v>
      </c>
      <c r="G44" s="8">
        <v>0</v>
      </c>
      <c r="H44" s="8">
        <v>0</v>
      </c>
      <c r="I44" s="8">
        <v>0</v>
      </c>
      <c r="J44" s="8">
        <v>0</v>
      </c>
    </row>
    <row r="45" spans="2:10" ht="15" customHeight="1">
      <c r="B45" s="9" t="s">
        <v>77</v>
      </c>
      <c r="C45" s="10">
        <v>0</v>
      </c>
      <c r="D45" s="10">
        <v>0</v>
      </c>
      <c r="E45" s="10">
        <v>0</v>
      </c>
      <c r="F45" s="10">
        <v>0</v>
      </c>
      <c r="G45" s="10">
        <v>0</v>
      </c>
      <c r="H45" s="10">
        <v>0</v>
      </c>
      <c r="I45" s="10">
        <v>0</v>
      </c>
      <c r="J45" s="10">
        <v>0</v>
      </c>
    </row>
    <row r="46" spans="2:10" ht="15" customHeight="1">
      <c r="B46" s="9" t="s">
        <v>78</v>
      </c>
      <c r="C46" s="10">
        <v>0</v>
      </c>
      <c r="D46" s="10">
        <v>0</v>
      </c>
      <c r="E46" s="10">
        <v>0</v>
      </c>
      <c r="F46" s="10">
        <v>0</v>
      </c>
      <c r="G46" s="10">
        <v>0</v>
      </c>
      <c r="H46" s="10">
        <v>0</v>
      </c>
      <c r="I46" s="10">
        <v>0</v>
      </c>
      <c r="J46" s="10">
        <v>0</v>
      </c>
    </row>
    <row r="47" spans="2:10" ht="15" customHeight="1">
      <c r="B47" s="7" t="s">
        <v>82</v>
      </c>
      <c r="C47" s="8">
        <v>0</v>
      </c>
      <c r="D47" s="8">
        <v>0</v>
      </c>
      <c r="E47" s="8">
        <v>0</v>
      </c>
      <c r="F47" s="8">
        <v>0</v>
      </c>
      <c r="G47" s="8">
        <v>0</v>
      </c>
      <c r="H47" s="8">
        <v>0</v>
      </c>
      <c r="I47" s="8">
        <v>0</v>
      </c>
      <c r="J47" s="8">
        <v>0</v>
      </c>
    </row>
    <row r="48" spans="2:10" ht="15" customHeight="1">
      <c r="B48" s="16" t="s">
        <v>80</v>
      </c>
      <c r="C48" s="20">
        <v>0</v>
      </c>
      <c r="D48" s="20">
        <v>0</v>
      </c>
      <c r="E48" s="20">
        <v>0</v>
      </c>
      <c r="F48" s="20">
        <v>0</v>
      </c>
      <c r="G48" s="20">
        <v>0</v>
      </c>
      <c r="H48" s="20">
        <v>0</v>
      </c>
      <c r="I48" s="20">
        <v>0</v>
      </c>
      <c r="J48" s="20">
        <v>0</v>
      </c>
    </row>
    <row r="49" spans="2:10" ht="15" customHeight="1">
      <c r="B49" s="14" t="s">
        <v>81</v>
      </c>
      <c r="C49" s="21">
        <v>0</v>
      </c>
      <c r="D49" s="21">
        <v>0</v>
      </c>
      <c r="E49" s="21">
        <v>0</v>
      </c>
      <c r="F49" s="21">
        <v>0</v>
      </c>
      <c r="G49" s="21">
        <v>0</v>
      </c>
      <c r="H49" s="21">
        <v>0</v>
      </c>
      <c r="I49" s="21">
        <v>0</v>
      </c>
      <c r="J49" s="21">
        <v>0</v>
      </c>
    </row>
    <row r="50" spans="2:10" ht="15" customHeight="1">
      <c r="B50" s="14" t="s">
        <v>82</v>
      </c>
      <c r="C50" s="21">
        <v>0</v>
      </c>
      <c r="D50" s="21">
        <v>0</v>
      </c>
      <c r="E50" s="21">
        <v>0</v>
      </c>
      <c r="F50" s="21">
        <v>0</v>
      </c>
      <c r="G50" s="21">
        <v>0</v>
      </c>
      <c r="H50" s="21">
        <v>0</v>
      </c>
      <c r="I50" s="21">
        <v>0</v>
      </c>
      <c r="J50" s="21">
        <v>0</v>
      </c>
    </row>
    <row r="51" spans="2:10" ht="15" customHeight="1">
      <c r="B51" s="5" t="s">
        <v>24</v>
      </c>
      <c r="C51" s="6">
        <v>0</v>
      </c>
      <c r="D51" s="6">
        <v>0</v>
      </c>
      <c r="E51" s="6">
        <v>0</v>
      </c>
      <c r="F51" s="6">
        <v>0</v>
      </c>
      <c r="G51" s="6">
        <v>0</v>
      </c>
      <c r="H51" s="6">
        <v>0</v>
      </c>
      <c r="I51" s="6">
        <v>0</v>
      </c>
      <c r="J51" s="6">
        <v>0</v>
      </c>
    </row>
    <row r="52" spans="2:10" ht="15" customHeight="1">
      <c r="B52" s="16" t="s">
        <v>75</v>
      </c>
      <c r="C52" s="20">
        <v>0</v>
      </c>
      <c r="D52" s="20">
        <v>0</v>
      </c>
      <c r="E52" s="20">
        <v>0</v>
      </c>
      <c r="F52" s="20">
        <v>0</v>
      </c>
      <c r="G52" s="20">
        <v>0</v>
      </c>
      <c r="H52" s="20">
        <v>0</v>
      </c>
      <c r="I52" s="20">
        <v>0</v>
      </c>
      <c r="J52" s="20">
        <v>0</v>
      </c>
    </row>
    <row r="53" spans="2:10" ht="15" customHeight="1">
      <c r="B53" s="7" t="s">
        <v>81</v>
      </c>
      <c r="C53" s="8">
        <v>0</v>
      </c>
      <c r="D53" s="8">
        <v>0</v>
      </c>
      <c r="E53" s="8">
        <v>0</v>
      </c>
      <c r="F53" s="8">
        <v>0</v>
      </c>
      <c r="G53" s="8">
        <v>0</v>
      </c>
      <c r="H53" s="8">
        <v>0</v>
      </c>
      <c r="I53" s="8">
        <v>0</v>
      </c>
      <c r="J53" s="8">
        <v>0</v>
      </c>
    </row>
    <row r="54" spans="2:10" ht="15" customHeight="1">
      <c r="B54" s="9" t="s">
        <v>77</v>
      </c>
      <c r="C54" s="10">
        <v>0</v>
      </c>
      <c r="D54" s="10">
        <v>0</v>
      </c>
      <c r="E54" s="10">
        <v>0</v>
      </c>
      <c r="F54" s="10">
        <v>0</v>
      </c>
      <c r="G54" s="10">
        <v>0</v>
      </c>
      <c r="H54" s="10">
        <v>0</v>
      </c>
      <c r="I54" s="10">
        <v>0</v>
      </c>
      <c r="J54" s="10">
        <v>0</v>
      </c>
    </row>
    <row r="55" spans="2:10" ht="15" customHeight="1">
      <c r="B55" s="9" t="s">
        <v>78</v>
      </c>
      <c r="C55" s="10">
        <v>0</v>
      </c>
      <c r="D55" s="10">
        <v>0</v>
      </c>
      <c r="E55" s="10">
        <v>0</v>
      </c>
      <c r="F55" s="10">
        <v>0</v>
      </c>
      <c r="G55" s="10">
        <v>0</v>
      </c>
      <c r="H55" s="10">
        <v>0</v>
      </c>
      <c r="I55" s="10">
        <v>0</v>
      </c>
      <c r="J55" s="10">
        <v>0</v>
      </c>
    </row>
    <row r="56" spans="2:10" ht="15" customHeight="1">
      <c r="B56" s="7" t="s">
        <v>82</v>
      </c>
      <c r="C56" s="8">
        <v>0</v>
      </c>
      <c r="D56" s="8">
        <v>0</v>
      </c>
      <c r="E56" s="8">
        <v>0</v>
      </c>
      <c r="F56" s="8">
        <v>0</v>
      </c>
      <c r="G56" s="8">
        <v>0</v>
      </c>
      <c r="H56" s="8">
        <v>0</v>
      </c>
      <c r="I56" s="8">
        <v>0</v>
      </c>
      <c r="J56" s="8">
        <v>0</v>
      </c>
    </row>
    <row r="57" spans="2:10" ht="15" customHeight="1">
      <c r="B57" s="16" t="s">
        <v>80</v>
      </c>
      <c r="C57" s="20">
        <v>0</v>
      </c>
      <c r="D57" s="20">
        <v>0</v>
      </c>
      <c r="E57" s="20">
        <v>0</v>
      </c>
      <c r="F57" s="20">
        <v>0</v>
      </c>
      <c r="G57" s="20">
        <v>0</v>
      </c>
      <c r="H57" s="20">
        <v>0</v>
      </c>
      <c r="I57" s="20">
        <v>0</v>
      </c>
      <c r="J57" s="20">
        <v>0</v>
      </c>
    </row>
    <row r="58" spans="2:10" ht="15" customHeight="1">
      <c r="B58" s="14" t="s">
        <v>81</v>
      </c>
      <c r="C58" s="21">
        <v>0</v>
      </c>
      <c r="D58" s="21">
        <v>0</v>
      </c>
      <c r="E58" s="21">
        <v>0</v>
      </c>
      <c r="F58" s="21">
        <v>0</v>
      </c>
      <c r="G58" s="21">
        <v>0</v>
      </c>
      <c r="H58" s="21">
        <v>0</v>
      </c>
      <c r="I58" s="21">
        <v>0</v>
      </c>
      <c r="J58" s="21">
        <v>0</v>
      </c>
    </row>
    <row r="59" spans="2:10" ht="15" customHeight="1">
      <c r="B59" s="14" t="s">
        <v>82</v>
      </c>
      <c r="C59" s="21">
        <v>0</v>
      </c>
      <c r="D59" s="21">
        <v>0</v>
      </c>
      <c r="E59" s="21">
        <v>0</v>
      </c>
      <c r="F59" s="21">
        <v>0</v>
      </c>
      <c r="G59" s="21">
        <v>0</v>
      </c>
      <c r="H59" s="21">
        <v>0</v>
      </c>
      <c r="I59" s="21">
        <v>0</v>
      </c>
      <c r="J59" s="21">
        <v>0</v>
      </c>
    </row>
    <row r="60" spans="2:10" ht="15" customHeight="1">
      <c r="B60" s="5" t="s">
        <v>25</v>
      </c>
      <c r="C60" s="6">
        <v>15661</v>
      </c>
      <c r="D60" s="6">
        <v>37014</v>
      </c>
      <c r="E60" s="6">
        <v>52486</v>
      </c>
      <c r="F60" s="6">
        <v>124883</v>
      </c>
      <c r="G60" s="6">
        <v>68147</v>
      </c>
      <c r="H60" s="6">
        <v>161897</v>
      </c>
      <c r="I60" s="6">
        <v>6873</v>
      </c>
      <c r="J60" s="6">
        <v>16244</v>
      </c>
    </row>
    <row r="61" spans="2:10" ht="15" customHeight="1">
      <c r="B61" s="16" t="s">
        <v>75</v>
      </c>
      <c r="C61" s="20">
        <v>15661</v>
      </c>
      <c r="D61" s="20">
        <v>35753</v>
      </c>
      <c r="E61" s="20">
        <v>51744</v>
      </c>
      <c r="F61" s="20">
        <v>124141</v>
      </c>
      <c r="G61" s="20">
        <v>67405</v>
      </c>
      <c r="H61" s="20">
        <v>159894</v>
      </c>
      <c r="I61" s="20">
        <v>6131</v>
      </c>
      <c r="J61" s="20">
        <v>15502</v>
      </c>
    </row>
    <row r="62" spans="2:10" ht="15" customHeight="1">
      <c r="B62" s="7" t="s">
        <v>81</v>
      </c>
      <c r="C62" s="8">
        <v>15661</v>
      </c>
      <c r="D62" s="8">
        <v>35753</v>
      </c>
      <c r="E62" s="8">
        <v>51744</v>
      </c>
      <c r="F62" s="8">
        <v>124141</v>
      </c>
      <c r="G62" s="8">
        <v>67405</v>
      </c>
      <c r="H62" s="8">
        <v>159894</v>
      </c>
      <c r="I62" s="8">
        <v>6131</v>
      </c>
      <c r="J62" s="8">
        <v>15502</v>
      </c>
    </row>
    <row r="63" spans="2:10" ht="15" customHeight="1">
      <c r="B63" s="9" t="s">
        <v>77</v>
      </c>
      <c r="C63" s="10">
        <v>15661</v>
      </c>
      <c r="D63" s="10">
        <v>35753</v>
      </c>
      <c r="E63" s="10">
        <v>51744</v>
      </c>
      <c r="F63" s="10">
        <v>124141</v>
      </c>
      <c r="G63" s="10">
        <v>67405</v>
      </c>
      <c r="H63" s="10">
        <v>159894</v>
      </c>
      <c r="I63" s="10">
        <v>6131</v>
      </c>
      <c r="J63" s="10">
        <v>15502</v>
      </c>
    </row>
    <row r="64" spans="2:10" ht="15" customHeight="1">
      <c r="B64" s="9" t="s">
        <v>78</v>
      </c>
      <c r="C64" s="10">
        <v>0</v>
      </c>
      <c r="D64" s="10">
        <v>0</v>
      </c>
      <c r="E64" s="10">
        <v>0</v>
      </c>
      <c r="F64" s="10">
        <v>0</v>
      </c>
      <c r="G64" s="10">
        <v>0</v>
      </c>
      <c r="H64" s="10">
        <v>0</v>
      </c>
      <c r="I64" s="10">
        <v>0</v>
      </c>
      <c r="J64" s="10">
        <v>0</v>
      </c>
    </row>
    <row r="65" spans="2:10" ht="15" customHeight="1">
      <c r="B65" s="7" t="s">
        <v>82</v>
      </c>
      <c r="C65" s="8">
        <v>0</v>
      </c>
      <c r="D65" s="8">
        <v>0</v>
      </c>
      <c r="E65" s="8">
        <v>0</v>
      </c>
      <c r="F65" s="8">
        <v>0</v>
      </c>
      <c r="G65" s="8">
        <v>0</v>
      </c>
      <c r="H65" s="8">
        <v>0</v>
      </c>
      <c r="I65" s="8">
        <v>0</v>
      </c>
      <c r="J65" s="8">
        <v>0</v>
      </c>
    </row>
    <row r="66" spans="2:10" ht="15" customHeight="1">
      <c r="B66" s="16" t="s">
        <v>80</v>
      </c>
      <c r="C66" s="20">
        <v>0</v>
      </c>
      <c r="D66" s="20">
        <v>1261</v>
      </c>
      <c r="E66" s="20">
        <v>742</v>
      </c>
      <c r="F66" s="20">
        <v>742</v>
      </c>
      <c r="G66" s="20">
        <v>742</v>
      </c>
      <c r="H66" s="20">
        <v>2003</v>
      </c>
      <c r="I66" s="20">
        <v>742</v>
      </c>
      <c r="J66" s="20">
        <v>742</v>
      </c>
    </row>
    <row r="67" spans="2:10" ht="15" customHeight="1">
      <c r="B67" s="14" t="s">
        <v>81</v>
      </c>
      <c r="C67" s="21">
        <v>0</v>
      </c>
      <c r="D67" s="21">
        <v>1261</v>
      </c>
      <c r="E67" s="21">
        <v>742</v>
      </c>
      <c r="F67" s="21">
        <v>742</v>
      </c>
      <c r="G67" s="21">
        <v>742</v>
      </c>
      <c r="H67" s="21">
        <v>2003</v>
      </c>
      <c r="I67" s="21">
        <v>742</v>
      </c>
      <c r="J67" s="21">
        <v>742</v>
      </c>
    </row>
    <row r="68" spans="2:10" ht="15" customHeight="1">
      <c r="B68" s="14" t="s">
        <v>82</v>
      </c>
      <c r="C68" s="21">
        <v>0</v>
      </c>
      <c r="D68" s="21">
        <v>0</v>
      </c>
      <c r="E68" s="21">
        <v>0</v>
      </c>
      <c r="F68" s="21">
        <v>0</v>
      </c>
      <c r="G68" s="21">
        <v>0</v>
      </c>
      <c r="H68" s="21">
        <v>0</v>
      </c>
      <c r="I68" s="21">
        <v>0</v>
      </c>
      <c r="J68" s="21">
        <v>0</v>
      </c>
    </row>
    <row r="69" spans="2:10" ht="15" customHeight="1">
      <c r="B69" s="5" t="s">
        <v>26</v>
      </c>
      <c r="C69" s="6">
        <v>72495</v>
      </c>
      <c r="D69" s="6">
        <v>182658</v>
      </c>
      <c r="E69" s="6">
        <v>110921</v>
      </c>
      <c r="F69" s="6">
        <v>304160</v>
      </c>
      <c r="G69" s="6">
        <v>183416</v>
      </c>
      <c r="H69" s="6">
        <v>486818</v>
      </c>
      <c r="I69" s="6">
        <v>36090</v>
      </c>
      <c r="J69" s="6">
        <v>90073</v>
      </c>
    </row>
    <row r="70" spans="2:10" ht="15" customHeight="1">
      <c r="B70" s="16" t="s">
        <v>75</v>
      </c>
      <c r="C70" s="20">
        <v>72495</v>
      </c>
      <c r="D70" s="20">
        <v>182430</v>
      </c>
      <c r="E70" s="20">
        <v>110921</v>
      </c>
      <c r="F70" s="20">
        <v>303585</v>
      </c>
      <c r="G70" s="20">
        <v>183416</v>
      </c>
      <c r="H70" s="20">
        <v>486015</v>
      </c>
      <c r="I70" s="20">
        <v>36090</v>
      </c>
      <c r="J70" s="20">
        <v>90073</v>
      </c>
    </row>
    <row r="71" spans="2:10" ht="15" customHeight="1">
      <c r="B71" s="7" t="s">
        <v>81</v>
      </c>
      <c r="C71" s="8">
        <v>72495</v>
      </c>
      <c r="D71" s="8">
        <v>182430</v>
      </c>
      <c r="E71" s="8">
        <v>110921</v>
      </c>
      <c r="F71" s="8">
        <v>303585</v>
      </c>
      <c r="G71" s="8">
        <v>183416</v>
      </c>
      <c r="H71" s="8">
        <v>486015</v>
      </c>
      <c r="I71" s="8">
        <v>36090</v>
      </c>
      <c r="J71" s="8">
        <v>90073</v>
      </c>
    </row>
    <row r="72" spans="2:10" ht="15" customHeight="1">
      <c r="B72" s="9" t="s">
        <v>77</v>
      </c>
      <c r="C72" s="10">
        <v>72495</v>
      </c>
      <c r="D72" s="10">
        <v>182430</v>
      </c>
      <c r="E72" s="10">
        <v>110921</v>
      </c>
      <c r="F72" s="10">
        <v>303585</v>
      </c>
      <c r="G72" s="10">
        <v>183416</v>
      </c>
      <c r="H72" s="10">
        <v>486015</v>
      </c>
      <c r="I72" s="10">
        <v>36090</v>
      </c>
      <c r="J72" s="10">
        <v>90073</v>
      </c>
    </row>
    <row r="73" spans="2:10" ht="15" customHeight="1">
      <c r="B73" s="9" t="s">
        <v>78</v>
      </c>
      <c r="C73" s="10">
        <v>0</v>
      </c>
      <c r="D73" s="10">
        <v>0</v>
      </c>
      <c r="E73" s="10">
        <v>0</v>
      </c>
      <c r="F73" s="10">
        <v>0</v>
      </c>
      <c r="G73" s="10">
        <v>0</v>
      </c>
      <c r="H73" s="10">
        <v>0</v>
      </c>
      <c r="I73" s="10">
        <v>0</v>
      </c>
      <c r="J73" s="10">
        <v>0</v>
      </c>
    </row>
    <row r="74" spans="2:10" ht="15" customHeight="1">
      <c r="B74" s="7" t="s">
        <v>82</v>
      </c>
      <c r="C74" s="8">
        <v>0</v>
      </c>
      <c r="D74" s="8">
        <v>0</v>
      </c>
      <c r="E74" s="8">
        <v>0</v>
      </c>
      <c r="F74" s="8">
        <v>0</v>
      </c>
      <c r="G74" s="8">
        <v>0</v>
      </c>
      <c r="H74" s="8">
        <v>0</v>
      </c>
      <c r="I74" s="8">
        <v>0</v>
      </c>
      <c r="J74" s="8">
        <v>0</v>
      </c>
    </row>
    <row r="75" spans="2:10" ht="15" customHeight="1">
      <c r="B75" s="16" t="s">
        <v>80</v>
      </c>
      <c r="C75" s="20">
        <v>0</v>
      </c>
      <c r="D75" s="20">
        <v>228</v>
      </c>
      <c r="E75" s="20">
        <v>0</v>
      </c>
      <c r="F75" s="20">
        <v>575</v>
      </c>
      <c r="G75" s="20">
        <v>0</v>
      </c>
      <c r="H75" s="20">
        <v>803</v>
      </c>
      <c r="I75" s="20">
        <v>0</v>
      </c>
      <c r="J75" s="20">
        <v>0</v>
      </c>
    </row>
    <row r="76" spans="2:10" ht="15" customHeight="1">
      <c r="B76" s="14" t="s">
        <v>81</v>
      </c>
      <c r="C76" s="21">
        <v>0</v>
      </c>
      <c r="D76" s="21">
        <v>228</v>
      </c>
      <c r="E76" s="21">
        <v>0</v>
      </c>
      <c r="F76" s="21">
        <v>575</v>
      </c>
      <c r="G76" s="21">
        <v>0</v>
      </c>
      <c r="H76" s="21">
        <v>803</v>
      </c>
      <c r="I76" s="21">
        <v>0</v>
      </c>
      <c r="J76" s="21">
        <v>0</v>
      </c>
    </row>
    <row r="77" spans="2:10" ht="15" customHeight="1">
      <c r="B77" s="14" t="s">
        <v>82</v>
      </c>
      <c r="C77" s="21">
        <v>0</v>
      </c>
      <c r="D77" s="21">
        <v>0</v>
      </c>
      <c r="E77" s="21">
        <v>0</v>
      </c>
      <c r="F77" s="21">
        <v>0</v>
      </c>
      <c r="G77" s="21">
        <v>0</v>
      </c>
      <c r="H77" s="21">
        <v>0</v>
      </c>
      <c r="I77" s="21">
        <v>0</v>
      </c>
      <c r="J77" s="21">
        <v>0</v>
      </c>
    </row>
    <row r="78" spans="2:10" ht="15" customHeight="1">
      <c r="B78" s="5" t="s">
        <v>27</v>
      </c>
      <c r="C78" s="6">
        <v>9564</v>
      </c>
      <c r="D78" s="6">
        <v>28091</v>
      </c>
      <c r="E78" s="6">
        <v>23311</v>
      </c>
      <c r="F78" s="6">
        <v>62419</v>
      </c>
      <c r="G78" s="6">
        <v>32875</v>
      </c>
      <c r="H78" s="6">
        <v>90510</v>
      </c>
      <c r="I78" s="6">
        <v>13167</v>
      </c>
      <c r="J78" s="6">
        <v>36200</v>
      </c>
    </row>
    <row r="79" spans="2:10" ht="15" customHeight="1">
      <c r="B79" s="16" t="s">
        <v>75</v>
      </c>
      <c r="C79" s="20">
        <v>9564</v>
      </c>
      <c r="D79" s="20">
        <v>28091</v>
      </c>
      <c r="E79" s="20">
        <v>23311</v>
      </c>
      <c r="F79" s="20">
        <v>62419</v>
      </c>
      <c r="G79" s="20">
        <v>32875</v>
      </c>
      <c r="H79" s="20">
        <v>90510</v>
      </c>
      <c r="I79" s="20">
        <v>13167</v>
      </c>
      <c r="J79" s="20">
        <v>36200</v>
      </c>
    </row>
    <row r="80" spans="2:10" ht="15" customHeight="1">
      <c r="B80" s="7" t="s">
        <v>81</v>
      </c>
      <c r="C80" s="8">
        <v>9564</v>
      </c>
      <c r="D80" s="8">
        <v>28091</v>
      </c>
      <c r="E80" s="8">
        <v>23311</v>
      </c>
      <c r="F80" s="8">
        <v>62419</v>
      </c>
      <c r="G80" s="8">
        <v>32875</v>
      </c>
      <c r="H80" s="8">
        <v>90510</v>
      </c>
      <c r="I80" s="8">
        <v>13167</v>
      </c>
      <c r="J80" s="8">
        <v>36200</v>
      </c>
    </row>
    <row r="81" spans="2:10" ht="15" customHeight="1">
      <c r="B81" s="9" t="s">
        <v>77</v>
      </c>
      <c r="C81" s="10">
        <v>9564</v>
      </c>
      <c r="D81" s="10">
        <v>28091</v>
      </c>
      <c r="E81" s="10">
        <v>23311</v>
      </c>
      <c r="F81" s="10">
        <v>62419</v>
      </c>
      <c r="G81" s="10">
        <v>32875</v>
      </c>
      <c r="H81" s="10">
        <v>90510</v>
      </c>
      <c r="I81" s="10">
        <v>13167</v>
      </c>
      <c r="J81" s="10">
        <v>36200</v>
      </c>
    </row>
    <row r="82" spans="2:10" ht="15" customHeight="1">
      <c r="B82" s="9" t="s">
        <v>78</v>
      </c>
      <c r="C82" s="10">
        <v>0</v>
      </c>
      <c r="D82" s="10">
        <v>0</v>
      </c>
      <c r="E82" s="10">
        <v>0</v>
      </c>
      <c r="F82" s="10">
        <v>0</v>
      </c>
      <c r="G82" s="10">
        <v>0</v>
      </c>
      <c r="H82" s="10">
        <v>0</v>
      </c>
      <c r="I82" s="10">
        <v>0</v>
      </c>
      <c r="J82" s="10">
        <v>0</v>
      </c>
    </row>
    <row r="83" spans="2:10" ht="15" customHeight="1">
      <c r="B83" s="7" t="s">
        <v>82</v>
      </c>
      <c r="C83" s="8">
        <v>0</v>
      </c>
      <c r="D83" s="8">
        <v>0</v>
      </c>
      <c r="E83" s="8">
        <v>0</v>
      </c>
      <c r="F83" s="8">
        <v>0</v>
      </c>
      <c r="G83" s="8">
        <v>0</v>
      </c>
      <c r="H83" s="8">
        <v>0</v>
      </c>
      <c r="I83" s="8">
        <v>0</v>
      </c>
      <c r="J83" s="8">
        <v>0</v>
      </c>
    </row>
    <row r="84" spans="2:10" ht="15" customHeight="1">
      <c r="B84" s="16" t="s">
        <v>80</v>
      </c>
      <c r="C84" s="20">
        <v>0</v>
      </c>
      <c r="D84" s="20">
        <v>0</v>
      </c>
      <c r="E84" s="20">
        <v>0</v>
      </c>
      <c r="F84" s="20">
        <v>0</v>
      </c>
      <c r="G84" s="20">
        <v>0</v>
      </c>
      <c r="H84" s="20">
        <v>0</v>
      </c>
      <c r="I84" s="20">
        <v>0</v>
      </c>
      <c r="J84" s="20">
        <v>0</v>
      </c>
    </row>
    <row r="85" spans="2:10" ht="15" customHeight="1">
      <c r="B85" s="14" t="s">
        <v>81</v>
      </c>
      <c r="C85" s="21">
        <v>0</v>
      </c>
      <c r="D85" s="21">
        <v>0</v>
      </c>
      <c r="E85" s="21">
        <v>0</v>
      </c>
      <c r="F85" s="21">
        <v>0</v>
      </c>
      <c r="G85" s="21">
        <v>0</v>
      </c>
      <c r="H85" s="21">
        <v>0</v>
      </c>
      <c r="I85" s="21">
        <v>0</v>
      </c>
      <c r="J85" s="21">
        <v>0</v>
      </c>
    </row>
    <row r="86" spans="2:10" ht="15" customHeight="1">
      <c r="B86" s="14" t="s">
        <v>82</v>
      </c>
      <c r="C86" s="21">
        <v>0</v>
      </c>
      <c r="D86" s="21">
        <v>0</v>
      </c>
      <c r="E86" s="21">
        <v>0</v>
      </c>
      <c r="F86" s="21">
        <v>0</v>
      </c>
      <c r="G86" s="21">
        <v>0</v>
      </c>
      <c r="H86" s="21">
        <v>0</v>
      </c>
      <c r="I86" s="21">
        <v>0</v>
      </c>
      <c r="J86" s="21">
        <v>0</v>
      </c>
    </row>
    <row r="87" spans="2:10" ht="15" customHeight="1">
      <c r="B87" s="5" t="s">
        <v>28</v>
      </c>
      <c r="C87" s="6">
        <v>3647</v>
      </c>
      <c r="D87" s="6">
        <v>6553</v>
      </c>
      <c r="E87" s="6">
        <v>3614</v>
      </c>
      <c r="F87" s="6">
        <v>8093</v>
      </c>
      <c r="G87" s="6">
        <v>7261</v>
      </c>
      <c r="H87" s="6">
        <v>14646</v>
      </c>
      <c r="I87" s="6">
        <v>0</v>
      </c>
      <c r="J87" s="6">
        <v>0</v>
      </c>
    </row>
    <row r="88" spans="2:10" ht="15" customHeight="1">
      <c r="B88" s="16" t="s">
        <v>75</v>
      </c>
      <c r="C88" s="20">
        <v>1597</v>
      </c>
      <c r="D88" s="20">
        <v>2354</v>
      </c>
      <c r="E88" s="20">
        <v>2664</v>
      </c>
      <c r="F88" s="20">
        <v>5097</v>
      </c>
      <c r="G88" s="20">
        <v>4261</v>
      </c>
      <c r="H88" s="20">
        <v>7451</v>
      </c>
      <c r="I88" s="20">
        <v>0</v>
      </c>
      <c r="J88" s="20">
        <v>0</v>
      </c>
    </row>
    <row r="89" spans="2:10" ht="15" customHeight="1">
      <c r="B89" s="7" t="s">
        <v>81</v>
      </c>
      <c r="C89" s="8">
        <v>1597</v>
      </c>
      <c r="D89" s="8">
        <v>2354</v>
      </c>
      <c r="E89" s="8">
        <v>2664</v>
      </c>
      <c r="F89" s="8">
        <v>5097</v>
      </c>
      <c r="G89" s="8">
        <v>4261</v>
      </c>
      <c r="H89" s="8">
        <v>7451</v>
      </c>
      <c r="I89" s="8">
        <v>0</v>
      </c>
      <c r="J89" s="8">
        <v>0</v>
      </c>
    </row>
    <row r="90" spans="2:10" ht="15" customHeight="1">
      <c r="B90" s="9" t="s">
        <v>77</v>
      </c>
      <c r="C90" s="10">
        <v>0</v>
      </c>
      <c r="D90" s="10">
        <v>482</v>
      </c>
      <c r="E90" s="10">
        <v>0</v>
      </c>
      <c r="F90" s="10">
        <v>956</v>
      </c>
      <c r="G90" s="10">
        <v>0</v>
      </c>
      <c r="H90" s="10">
        <v>1438</v>
      </c>
      <c r="I90" s="10">
        <v>0</v>
      </c>
      <c r="J90" s="10">
        <v>0</v>
      </c>
    </row>
    <row r="91" spans="2:10" ht="15" customHeight="1">
      <c r="B91" s="9" t="s">
        <v>78</v>
      </c>
      <c r="C91" s="10">
        <v>1597</v>
      </c>
      <c r="D91" s="10">
        <v>1872</v>
      </c>
      <c r="E91" s="10">
        <v>2664</v>
      </c>
      <c r="F91" s="10">
        <v>4141</v>
      </c>
      <c r="G91" s="10">
        <v>4261</v>
      </c>
      <c r="H91" s="10">
        <v>6013</v>
      </c>
      <c r="I91" s="10">
        <v>0</v>
      </c>
      <c r="J91" s="10">
        <v>0</v>
      </c>
    </row>
    <row r="92" spans="2:10" ht="15" customHeight="1">
      <c r="B92" s="7" t="s">
        <v>82</v>
      </c>
      <c r="C92" s="8">
        <v>0</v>
      </c>
      <c r="D92" s="8">
        <v>0</v>
      </c>
      <c r="E92" s="8">
        <v>0</v>
      </c>
      <c r="F92" s="8">
        <v>0</v>
      </c>
      <c r="G92" s="8">
        <v>0</v>
      </c>
      <c r="H92" s="8">
        <v>0</v>
      </c>
      <c r="I92" s="8">
        <v>0</v>
      </c>
      <c r="J92" s="8">
        <v>0</v>
      </c>
    </row>
    <row r="93" spans="2:10" ht="15" customHeight="1">
      <c r="B93" s="16" t="s">
        <v>80</v>
      </c>
      <c r="C93" s="20">
        <v>2050</v>
      </c>
      <c r="D93" s="20">
        <v>4199</v>
      </c>
      <c r="E93" s="20">
        <v>950</v>
      </c>
      <c r="F93" s="20">
        <v>2996</v>
      </c>
      <c r="G93" s="20">
        <v>3000</v>
      </c>
      <c r="H93" s="20">
        <v>7195</v>
      </c>
      <c r="I93" s="20">
        <v>0</v>
      </c>
      <c r="J93" s="20">
        <v>0</v>
      </c>
    </row>
    <row r="94" spans="2:10" ht="15" customHeight="1">
      <c r="B94" s="14" t="s">
        <v>81</v>
      </c>
      <c r="C94" s="21">
        <v>2050</v>
      </c>
      <c r="D94" s="21">
        <v>4199</v>
      </c>
      <c r="E94" s="21">
        <v>950</v>
      </c>
      <c r="F94" s="21">
        <v>2996</v>
      </c>
      <c r="G94" s="21">
        <v>3000</v>
      </c>
      <c r="H94" s="21">
        <v>7195</v>
      </c>
      <c r="I94" s="21">
        <v>0</v>
      </c>
      <c r="J94" s="21">
        <v>0</v>
      </c>
    </row>
    <row r="95" spans="2:10" ht="15" customHeight="1">
      <c r="B95" s="14" t="s">
        <v>82</v>
      </c>
      <c r="C95" s="21">
        <v>0</v>
      </c>
      <c r="D95" s="21">
        <v>0</v>
      </c>
      <c r="E95" s="21">
        <v>0</v>
      </c>
      <c r="F95" s="21">
        <v>0</v>
      </c>
      <c r="G95" s="21">
        <v>0</v>
      </c>
      <c r="H95" s="21">
        <v>0</v>
      </c>
      <c r="I95" s="21">
        <v>0</v>
      </c>
      <c r="J95" s="21">
        <v>0</v>
      </c>
    </row>
    <row r="96" spans="2:10" ht="15" customHeight="1">
      <c r="B96" s="5" t="s">
        <v>29</v>
      </c>
      <c r="C96" s="6">
        <v>666606</v>
      </c>
      <c r="D96" s="6">
        <v>1750871</v>
      </c>
      <c r="E96" s="6">
        <v>1075972</v>
      </c>
      <c r="F96" s="6">
        <v>3108282</v>
      </c>
      <c r="G96" s="6">
        <v>1742578</v>
      </c>
      <c r="H96" s="6">
        <v>4859153</v>
      </c>
      <c r="I96" s="6">
        <v>904008</v>
      </c>
      <c r="J96" s="6">
        <v>2231877</v>
      </c>
    </row>
    <row r="97" spans="2:10" ht="15" customHeight="1">
      <c r="B97" s="16" t="s">
        <v>75</v>
      </c>
      <c r="C97" s="20">
        <v>663931</v>
      </c>
      <c r="D97" s="20">
        <v>1721123</v>
      </c>
      <c r="E97" s="20">
        <v>1045346</v>
      </c>
      <c r="F97" s="20">
        <v>3020802</v>
      </c>
      <c r="G97" s="20">
        <v>1709277</v>
      </c>
      <c r="H97" s="20">
        <v>4741925</v>
      </c>
      <c r="I97" s="20">
        <v>867530</v>
      </c>
      <c r="J97" s="20">
        <v>2126619</v>
      </c>
    </row>
    <row r="98" spans="2:10" ht="15" customHeight="1">
      <c r="B98" s="7" t="s">
        <v>81</v>
      </c>
      <c r="C98" s="8">
        <v>527929</v>
      </c>
      <c r="D98" s="8">
        <v>1340631</v>
      </c>
      <c r="E98" s="8">
        <v>383633</v>
      </c>
      <c r="F98" s="8">
        <v>971490</v>
      </c>
      <c r="G98" s="8">
        <v>911562</v>
      </c>
      <c r="H98" s="8">
        <v>2312121</v>
      </c>
      <c r="I98" s="8">
        <v>295302</v>
      </c>
      <c r="J98" s="8">
        <v>744879</v>
      </c>
    </row>
    <row r="99" spans="2:10" ht="15" customHeight="1">
      <c r="B99" s="9" t="s">
        <v>77</v>
      </c>
      <c r="C99" s="10">
        <v>443860</v>
      </c>
      <c r="D99" s="10">
        <v>1150555</v>
      </c>
      <c r="E99" s="10">
        <v>341358</v>
      </c>
      <c r="F99" s="10">
        <v>861735</v>
      </c>
      <c r="G99" s="10">
        <v>785218</v>
      </c>
      <c r="H99" s="10">
        <v>2012290</v>
      </c>
      <c r="I99" s="10">
        <v>269127</v>
      </c>
      <c r="J99" s="10">
        <v>666030</v>
      </c>
    </row>
    <row r="100" spans="2:10" ht="15" customHeight="1">
      <c r="B100" s="9" t="s">
        <v>78</v>
      </c>
      <c r="C100" s="10">
        <v>84069</v>
      </c>
      <c r="D100" s="10">
        <v>190076</v>
      </c>
      <c r="E100" s="10">
        <v>42275</v>
      </c>
      <c r="F100" s="10">
        <v>109755</v>
      </c>
      <c r="G100" s="10">
        <v>126344</v>
      </c>
      <c r="H100" s="10">
        <v>299831</v>
      </c>
      <c r="I100" s="10">
        <v>26175</v>
      </c>
      <c r="J100" s="10">
        <v>78849</v>
      </c>
    </row>
    <row r="101" spans="2:10" ht="15" customHeight="1">
      <c r="B101" s="7" t="s">
        <v>82</v>
      </c>
      <c r="C101" s="8">
        <v>136002</v>
      </c>
      <c r="D101" s="8">
        <v>380492</v>
      </c>
      <c r="E101" s="8">
        <v>661713</v>
      </c>
      <c r="F101" s="8">
        <v>2049312</v>
      </c>
      <c r="G101" s="8">
        <v>797715</v>
      </c>
      <c r="H101" s="8">
        <v>2429804</v>
      </c>
      <c r="I101" s="8">
        <v>572228</v>
      </c>
      <c r="J101" s="8">
        <v>1381740</v>
      </c>
    </row>
    <row r="102" spans="2:10" ht="15" customHeight="1">
      <c r="B102" s="16" t="s">
        <v>80</v>
      </c>
      <c r="C102" s="20">
        <v>2675</v>
      </c>
      <c r="D102" s="20">
        <v>29748</v>
      </c>
      <c r="E102" s="20">
        <v>30626</v>
      </c>
      <c r="F102" s="20">
        <v>87480</v>
      </c>
      <c r="G102" s="20">
        <v>33301</v>
      </c>
      <c r="H102" s="20">
        <v>117228</v>
      </c>
      <c r="I102" s="20">
        <v>36478</v>
      </c>
      <c r="J102" s="20">
        <v>105258</v>
      </c>
    </row>
    <row r="103" spans="2:10" ht="15" customHeight="1">
      <c r="B103" s="14" t="s">
        <v>81</v>
      </c>
      <c r="C103" s="21">
        <v>2675</v>
      </c>
      <c r="D103" s="21">
        <v>17826</v>
      </c>
      <c r="E103" s="21">
        <v>3962</v>
      </c>
      <c r="F103" s="21">
        <v>20583</v>
      </c>
      <c r="G103" s="21">
        <v>6637</v>
      </c>
      <c r="H103" s="21">
        <v>38409</v>
      </c>
      <c r="I103" s="21">
        <v>2802</v>
      </c>
      <c r="J103" s="21">
        <v>10449</v>
      </c>
    </row>
    <row r="104" spans="2:10" ht="15" customHeight="1">
      <c r="B104" s="14" t="s">
        <v>82</v>
      </c>
      <c r="C104" s="21">
        <v>0</v>
      </c>
      <c r="D104" s="21">
        <v>11922</v>
      </c>
      <c r="E104" s="21">
        <v>26664</v>
      </c>
      <c r="F104" s="21">
        <v>66897</v>
      </c>
      <c r="G104" s="21">
        <v>26664</v>
      </c>
      <c r="H104" s="21">
        <v>78819</v>
      </c>
      <c r="I104" s="21">
        <v>33676</v>
      </c>
      <c r="J104" s="21">
        <v>94809</v>
      </c>
    </row>
    <row r="105" spans="2:10" ht="15" customHeight="1">
      <c r="B105" s="5" t="s">
        <v>30</v>
      </c>
      <c r="C105" s="6">
        <v>244097</v>
      </c>
      <c r="D105" s="6">
        <v>635966</v>
      </c>
      <c r="E105" s="6">
        <v>442330</v>
      </c>
      <c r="F105" s="6">
        <v>1165370</v>
      </c>
      <c r="G105" s="6">
        <v>686427</v>
      </c>
      <c r="H105" s="6">
        <v>1801336</v>
      </c>
      <c r="I105" s="6">
        <v>38968</v>
      </c>
      <c r="J105" s="6">
        <v>99640</v>
      </c>
    </row>
    <row r="106" spans="2:10" ht="15" customHeight="1">
      <c r="B106" s="16" t="s">
        <v>75</v>
      </c>
      <c r="C106" s="20">
        <v>242192</v>
      </c>
      <c r="D106" s="20">
        <v>608092</v>
      </c>
      <c r="E106" s="20">
        <v>440938</v>
      </c>
      <c r="F106" s="20">
        <v>1142588</v>
      </c>
      <c r="G106" s="20">
        <v>683130</v>
      </c>
      <c r="H106" s="20">
        <v>1750680</v>
      </c>
      <c r="I106" s="20">
        <v>36568</v>
      </c>
      <c r="J106" s="20">
        <v>97210</v>
      </c>
    </row>
    <row r="107" spans="2:10" ht="15" customHeight="1">
      <c r="B107" s="7" t="s">
        <v>81</v>
      </c>
      <c r="C107" s="8">
        <v>242192</v>
      </c>
      <c r="D107" s="8">
        <v>608092</v>
      </c>
      <c r="E107" s="8">
        <v>440938</v>
      </c>
      <c r="F107" s="8">
        <v>1142588</v>
      </c>
      <c r="G107" s="8">
        <v>683130</v>
      </c>
      <c r="H107" s="8">
        <v>1750680</v>
      </c>
      <c r="I107" s="8">
        <v>36568</v>
      </c>
      <c r="J107" s="8">
        <v>97210</v>
      </c>
    </row>
    <row r="108" spans="2:10" ht="15" customHeight="1">
      <c r="B108" s="9" t="s">
        <v>77</v>
      </c>
      <c r="C108" s="10">
        <v>209506</v>
      </c>
      <c r="D108" s="10">
        <v>513136</v>
      </c>
      <c r="E108" s="10">
        <v>425381</v>
      </c>
      <c r="F108" s="10">
        <v>1095553</v>
      </c>
      <c r="G108" s="10">
        <v>634887</v>
      </c>
      <c r="H108" s="10">
        <v>1608689</v>
      </c>
      <c r="I108" s="10">
        <v>36568</v>
      </c>
      <c r="J108" s="10">
        <v>97210</v>
      </c>
    </row>
    <row r="109" spans="2:10" ht="15" customHeight="1">
      <c r="B109" s="9" t="s">
        <v>78</v>
      </c>
      <c r="C109" s="10">
        <v>32686</v>
      </c>
      <c r="D109" s="10">
        <v>94956</v>
      </c>
      <c r="E109" s="10">
        <v>15557</v>
      </c>
      <c r="F109" s="10">
        <v>47035</v>
      </c>
      <c r="G109" s="10">
        <v>48243</v>
      </c>
      <c r="H109" s="10">
        <v>141991</v>
      </c>
      <c r="I109" s="10">
        <v>0</v>
      </c>
      <c r="J109" s="10">
        <v>0</v>
      </c>
    </row>
    <row r="110" spans="2:10" ht="15" customHeight="1">
      <c r="B110" s="7" t="s">
        <v>82</v>
      </c>
      <c r="C110" s="8">
        <v>0</v>
      </c>
      <c r="D110" s="8">
        <v>0</v>
      </c>
      <c r="E110" s="8">
        <v>0</v>
      </c>
      <c r="F110" s="8">
        <v>0</v>
      </c>
      <c r="G110" s="8">
        <v>0</v>
      </c>
      <c r="H110" s="8">
        <v>0</v>
      </c>
      <c r="I110" s="8">
        <v>0</v>
      </c>
      <c r="J110" s="8">
        <v>0</v>
      </c>
    </row>
    <row r="111" spans="2:10" ht="15" customHeight="1">
      <c r="B111" s="16" t="s">
        <v>80</v>
      </c>
      <c r="C111" s="20">
        <v>1905</v>
      </c>
      <c r="D111" s="20">
        <v>27874</v>
      </c>
      <c r="E111" s="20">
        <v>1392</v>
      </c>
      <c r="F111" s="20">
        <v>22782</v>
      </c>
      <c r="G111" s="20">
        <v>3297</v>
      </c>
      <c r="H111" s="20">
        <v>50656</v>
      </c>
      <c r="I111" s="20">
        <v>2400</v>
      </c>
      <c r="J111" s="20">
        <v>2430</v>
      </c>
    </row>
    <row r="112" spans="2:10" ht="15" customHeight="1">
      <c r="B112" s="14" t="s">
        <v>81</v>
      </c>
      <c r="C112" s="21">
        <v>1905</v>
      </c>
      <c r="D112" s="21">
        <v>27874</v>
      </c>
      <c r="E112" s="21">
        <v>1392</v>
      </c>
      <c r="F112" s="21">
        <v>22782</v>
      </c>
      <c r="G112" s="21">
        <v>3297</v>
      </c>
      <c r="H112" s="21">
        <v>50656</v>
      </c>
      <c r="I112" s="21">
        <v>2400</v>
      </c>
      <c r="J112" s="21">
        <v>2430</v>
      </c>
    </row>
    <row r="113" spans="2:10" ht="15" customHeight="1">
      <c r="B113" s="14" t="s">
        <v>82</v>
      </c>
      <c r="C113" s="21">
        <v>0</v>
      </c>
      <c r="D113" s="21">
        <v>0</v>
      </c>
      <c r="E113" s="21">
        <v>0</v>
      </c>
      <c r="F113" s="21">
        <v>0</v>
      </c>
      <c r="G113" s="21">
        <v>0</v>
      </c>
      <c r="H113" s="21">
        <v>0</v>
      </c>
      <c r="I113" s="21">
        <v>0</v>
      </c>
      <c r="J113" s="21">
        <v>0</v>
      </c>
    </row>
    <row r="114" spans="2:10" ht="15" customHeight="1">
      <c r="B114" s="5" t="s">
        <v>31</v>
      </c>
      <c r="C114" s="6">
        <v>3201</v>
      </c>
      <c r="D114" s="6">
        <v>11812</v>
      </c>
      <c r="E114" s="6">
        <v>10083</v>
      </c>
      <c r="F114" s="6">
        <v>23325</v>
      </c>
      <c r="G114" s="6">
        <v>13284</v>
      </c>
      <c r="H114" s="6">
        <v>35137</v>
      </c>
      <c r="I114" s="6">
        <v>23030</v>
      </c>
      <c r="J114" s="6">
        <v>51266</v>
      </c>
    </row>
    <row r="115" spans="2:10" ht="15" customHeight="1">
      <c r="B115" s="16" t="s">
        <v>75</v>
      </c>
      <c r="C115" s="20">
        <v>2601</v>
      </c>
      <c r="D115" s="20">
        <v>10912</v>
      </c>
      <c r="E115" s="20">
        <v>10083</v>
      </c>
      <c r="F115" s="20">
        <v>23325</v>
      </c>
      <c r="G115" s="20">
        <v>12684</v>
      </c>
      <c r="H115" s="20">
        <v>34237</v>
      </c>
      <c r="I115" s="20">
        <v>23030</v>
      </c>
      <c r="J115" s="20">
        <v>51266</v>
      </c>
    </row>
    <row r="116" spans="2:10" ht="15" customHeight="1">
      <c r="B116" s="7" t="s">
        <v>81</v>
      </c>
      <c r="C116" s="8">
        <v>2601</v>
      </c>
      <c r="D116" s="8">
        <v>10912</v>
      </c>
      <c r="E116" s="8">
        <v>10083</v>
      </c>
      <c r="F116" s="8">
        <v>23325</v>
      </c>
      <c r="G116" s="8">
        <v>12684</v>
      </c>
      <c r="H116" s="8">
        <v>34237</v>
      </c>
      <c r="I116" s="8">
        <v>23030</v>
      </c>
      <c r="J116" s="8">
        <v>51266</v>
      </c>
    </row>
    <row r="117" spans="2:10" ht="15" customHeight="1">
      <c r="B117" s="9" t="s">
        <v>77</v>
      </c>
      <c r="C117" s="10">
        <v>908</v>
      </c>
      <c r="D117" s="10">
        <v>3891</v>
      </c>
      <c r="E117" s="10">
        <v>4285</v>
      </c>
      <c r="F117" s="10">
        <v>11827</v>
      </c>
      <c r="G117" s="10">
        <v>5193</v>
      </c>
      <c r="H117" s="10">
        <v>15718</v>
      </c>
      <c r="I117" s="10">
        <v>23030</v>
      </c>
      <c r="J117" s="10">
        <v>51266</v>
      </c>
    </row>
    <row r="118" spans="2:10" ht="15" customHeight="1">
      <c r="B118" s="9" t="s">
        <v>78</v>
      </c>
      <c r="C118" s="10">
        <v>1693</v>
      </c>
      <c r="D118" s="10">
        <v>7021</v>
      </c>
      <c r="E118" s="10">
        <v>5798</v>
      </c>
      <c r="F118" s="10">
        <v>11498</v>
      </c>
      <c r="G118" s="10">
        <v>7491</v>
      </c>
      <c r="H118" s="10">
        <v>18519</v>
      </c>
      <c r="I118" s="10">
        <v>0</v>
      </c>
      <c r="J118" s="10">
        <v>0</v>
      </c>
    </row>
    <row r="119" spans="2:10" ht="15" customHeight="1">
      <c r="B119" s="7" t="s">
        <v>82</v>
      </c>
      <c r="C119" s="8">
        <v>0</v>
      </c>
      <c r="D119" s="8">
        <v>0</v>
      </c>
      <c r="E119" s="8">
        <v>0</v>
      </c>
      <c r="F119" s="8">
        <v>0</v>
      </c>
      <c r="G119" s="8">
        <v>0</v>
      </c>
      <c r="H119" s="8">
        <v>0</v>
      </c>
      <c r="I119" s="8">
        <v>0</v>
      </c>
      <c r="J119" s="8">
        <v>0</v>
      </c>
    </row>
    <row r="120" spans="2:10" ht="15" customHeight="1">
      <c r="B120" s="16" t="s">
        <v>80</v>
      </c>
      <c r="C120" s="20">
        <v>600</v>
      </c>
      <c r="D120" s="20">
        <v>900</v>
      </c>
      <c r="E120" s="20">
        <v>0</v>
      </c>
      <c r="F120" s="20">
        <v>0</v>
      </c>
      <c r="G120" s="20">
        <v>600</v>
      </c>
      <c r="H120" s="20">
        <v>900</v>
      </c>
      <c r="I120" s="20">
        <v>0</v>
      </c>
      <c r="J120" s="20">
        <v>0</v>
      </c>
    </row>
    <row r="121" spans="2:10" ht="15" customHeight="1">
      <c r="B121" s="14" t="s">
        <v>81</v>
      </c>
      <c r="C121" s="21">
        <v>600</v>
      </c>
      <c r="D121" s="21">
        <v>900</v>
      </c>
      <c r="E121" s="21">
        <v>0</v>
      </c>
      <c r="F121" s="21">
        <v>0</v>
      </c>
      <c r="G121" s="21">
        <v>600</v>
      </c>
      <c r="H121" s="21">
        <v>900</v>
      </c>
      <c r="I121" s="21">
        <v>0</v>
      </c>
      <c r="J121" s="21">
        <v>0</v>
      </c>
    </row>
    <row r="122" spans="2:10" ht="15" customHeight="1">
      <c r="B122" s="14" t="s">
        <v>82</v>
      </c>
      <c r="C122" s="21">
        <v>0</v>
      </c>
      <c r="D122" s="21">
        <v>0</v>
      </c>
      <c r="E122" s="21">
        <v>0</v>
      </c>
      <c r="F122" s="21">
        <v>0</v>
      </c>
      <c r="G122" s="21">
        <v>0</v>
      </c>
      <c r="H122" s="21">
        <v>0</v>
      </c>
      <c r="I122" s="21">
        <v>0</v>
      </c>
      <c r="J122" s="21">
        <v>0</v>
      </c>
    </row>
    <row r="123" spans="2:10" ht="15" customHeight="1">
      <c r="B123" s="5" t="s">
        <v>32</v>
      </c>
      <c r="C123" s="6">
        <v>2737071</v>
      </c>
      <c r="D123" s="6">
        <v>8695836</v>
      </c>
      <c r="E123" s="6">
        <v>4320614</v>
      </c>
      <c r="F123" s="6">
        <v>14626646</v>
      </c>
      <c r="G123" s="6">
        <v>7057685</v>
      </c>
      <c r="H123" s="6">
        <v>23322482</v>
      </c>
      <c r="I123" s="6">
        <v>549924</v>
      </c>
      <c r="J123" s="6">
        <v>1299685</v>
      </c>
    </row>
    <row r="124" spans="2:10" ht="15" customHeight="1">
      <c r="B124" s="16" t="s">
        <v>75</v>
      </c>
      <c r="C124" s="20">
        <v>2467245</v>
      </c>
      <c r="D124" s="20">
        <v>8306724</v>
      </c>
      <c r="E124" s="20">
        <v>4119192</v>
      </c>
      <c r="F124" s="20">
        <v>14235822</v>
      </c>
      <c r="G124" s="20">
        <v>6586437</v>
      </c>
      <c r="H124" s="20">
        <v>22542546</v>
      </c>
      <c r="I124" s="20">
        <v>545916</v>
      </c>
      <c r="J124" s="20">
        <v>1277195</v>
      </c>
    </row>
    <row r="125" spans="2:10" ht="15" customHeight="1">
      <c r="B125" s="7" t="s">
        <v>81</v>
      </c>
      <c r="C125" s="8">
        <v>2398848</v>
      </c>
      <c r="D125" s="8">
        <v>7995182</v>
      </c>
      <c r="E125" s="8">
        <v>2536464</v>
      </c>
      <c r="F125" s="8">
        <v>8996343</v>
      </c>
      <c r="G125" s="8">
        <v>4935312</v>
      </c>
      <c r="H125" s="8">
        <v>16991525</v>
      </c>
      <c r="I125" s="8">
        <v>543798</v>
      </c>
      <c r="J125" s="8">
        <v>1265469</v>
      </c>
    </row>
    <row r="126" spans="2:10" ht="15" customHeight="1">
      <c r="B126" s="9" t="s">
        <v>77</v>
      </c>
      <c r="C126" s="10">
        <v>2393476</v>
      </c>
      <c r="D126" s="10">
        <v>7979734</v>
      </c>
      <c r="E126" s="10">
        <v>2535115</v>
      </c>
      <c r="F126" s="10">
        <v>8986647</v>
      </c>
      <c r="G126" s="10">
        <v>4928591</v>
      </c>
      <c r="H126" s="10">
        <v>16966381</v>
      </c>
      <c r="I126" s="10">
        <v>543798</v>
      </c>
      <c r="J126" s="10">
        <v>1265469</v>
      </c>
    </row>
    <row r="127" spans="2:10" ht="15" customHeight="1">
      <c r="B127" s="9" t="s">
        <v>78</v>
      </c>
      <c r="C127" s="10">
        <v>5372</v>
      </c>
      <c r="D127" s="10">
        <v>15448</v>
      </c>
      <c r="E127" s="10">
        <v>1349</v>
      </c>
      <c r="F127" s="10">
        <v>9696</v>
      </c>
      <c r="G127" s="10">
        <v>6721</v>
      </c>
      <c r="H127" s="10">
        <v>25144</v>
      </c>
      <c r="I127" s="10">
        <v>0</v>
      </c>
      <c r="J127" s="10">
        <v>0</v>
      </c>
    </row>
    <row r="128" spans="2:10" ht="15" customHeight="1">
      <c r="B128" s="7" t="s">
        <v>82</v>
      </c>
      <c r="C128" s="8">
        <v>68397</v>
      </c>
      <c r="D128" s="8">
        <v>311542</v>
      </c>
      <c r="E128" s="8">
        <v>1582728</v>
      </c>
      <c r="F128" s="8">
        <v>5239479</v>
      </c>
      <c r="G128" s="8">
        <v>1651125</v>
      </c>
      <c r="H128" s="8">
        <v>5551021</v>
      </c>
      <c r="I128" s="8">
        <v>2118</v>
      </c>
      <c r="J128" s="8">
        <v>11726</v>
      </c>
    </row>
    <row r="129" spans="2:10" ht="15" customHeight="1">
      <c r="B129" s="16" t="s">
        <v>80</v>
      </c>
      <c r="C129" s="20">
        <v>269826</v>
      </c>
      <c r="D129" s="20">
        <v>389112</v>
      </c>
      <c r="E129" s="20">
        <v>201422</v>
      </c>
      <c r="F129" s="20">
        <v>390824</v>
      </c>
      <c r="G129" s="20">
        <v>471248</v>
      </c>
      <c r="H129" s="20">
        <v>779936</v>
      </c>
      <c r="I129" s="20">
        <v>4008</v>
      </c>
      <c r="J129" s="20">
        <v>22490</v>
      </c>
    </row>
    <row r="130" spans="2:10" ht="15" customHeight="1">
      <c r="B130" s="14" t="s">
        <v>81</v>
      </c>
      <c r="C130" s="21">
        <v>261112</v>
      </c>
      <c r="D130" s="21">
        <v>366324</v>
      </c>
      <c r="E130" s="21">
        <v>80811</v>
      </c>
      <c r="F130" s="21">
        <v>104106</v>
      </c>
      <c r="G130" s="21">
        <v>341923</v>
      </c>
      <c r="H130" s="21">
        <v>470430</v>
      </c>
      <c r="I130" s="21">
        <v>4008</v>
      </c>
      <c r="J130" s="21">
        <v>22490</v>
      </c>
    </row>
    <row r="131" spans="2:10" ht="15" customHeight="1">
      <c r="B131" s="14" t="s">
        <v>82</v>
      </c>
      <c r="C131" s="21">
        <v>8714</v>
      </c>
      <c r="D131" s="21">
        <v>22788</v>
      </c>
      <c r="E131" s="21">
        <v>120611</v>
      </c>
      <c r="F131" s="21">
        <v>286718</v>
      </c>
      <c r="G131" s="21">
        <v>129325</v>
      </c>
      <c r="H131" s="21">
        <v>309506</v>
      </c>
      <c r="I131" s="21">
        <v>0</v>
      </c>
      <c r="J131" s="21">
        <v>0</v>
      </c>
    </row>
    <row r="132" spans="2:10" ht="15" customHeight="1">
      <c r="B132" s="5" t="s">
        <v>33</v>
      </c>
      <c r="C132" s="6">
        <v>13297</v>
      </c>
      <c r="D132" s="6">
        <v>38223</v>
      </c>
      <c r="E132" s="6">
        <v>40843</v>
      </c>
      <c r="F132" s="6">
        <v>112862</v>
      </c>
      <c r="G132" s="6">
        <v>54140</v>
      </c>
      <c r="H132" s="6">
        <v>151085</v>
      </c>
      <c r="I132" s="6">
        <v>4696</v>
      </c>
      <c r="J132" s="6">
        <v>12224</v>
      </c>
    </row>
    <row r="133" spans="2:10" ht="15" customHeight="1">
      <c r="B133" s="16" t="s">
        <v>75</v>
      </c>
      <c r="C133" s="20">
        <v>12302</v>
      </c>
      <c r="D133" s="20">
        <v>35023</v>
      </c>
      <c r="E133" s="20">
        <v>37218</v>
      </c>
      <c r="F133" s="20">
        <v>101244</v>
      </c>
      <c r="G133" s="20">
        <v>49520</v>
      </c>
      <c r="H133" s="20">
        <v>136267</v>
      </c>
      <c r="I133" s="20">
        <v>4696</v>
      </c>
      <c r="J133" s="20">
        <v>12224</v>
      </c>
    </row>
    <row r="134" spans="2:10" ht="15" customHeight="1">
      <c r="B134" s="7" t="s">
        <v>81</v>
      </c>
      <c r="C134" s="8">
        <v>12302</v>
      </c>
      <c r="D134" s="8">
        <v>35023</v>
      </c>
      <c r="E134" s="8">
        <v>37218</v>
      </c>
      <c r="F134" s="8">
        <v>101244</v>
      </c>
      <c r="G134" s="8">
        <v>49520</v>
      </c>
      <c r="H134" s="8">
        <v>136267</v>
      </c>
      <c r="I134" s="8">
        <v>4696</v>
      </c>
      <c r="J134" s="8">
        <v>12224</v>
      </c>
    </row>
    <row r="135" spans="2:10" ht="15" customHeight="1">
      <c r="B135" s="9" t="s">
        <v>77</v>
      </c>
      <c r="C135" s="10">
        <v>12302</v>
      </c>
      <c r="D135" s="10">
        <v>35023</v>
      </c>
      <c r="E135" s="10">
        <v>37218</v>
      </c>
      <c r="F135" s="10">
        <v>101244</v>
      </c>
      <c r="G135" s="10">
        <v>49520</v>
      </c>
      <c r="H135" s="10">
        <v>136267</v>
      </c>
      <c r="I135" s="10">
        <v>4696</v>
      </c>
      <c r="J135" s="10">
        <v>12224</v>
      </c>
    </row>
    <row r="136" spans="2:10" ht="15" customHeight="1">
      <c r="B136" s="9" t="s">
        <v>78</v>
      </c>
      <c r="C136" s="10">
        <v>0</v>
      </c>
      <c r="D136" s="10">
        <v>0</v>
      </c>
      <c r="E136" s="10">
        <v>0</v>
      </c>
      <c r="F136" s="10">
        <v>0</v>
      </c>
      <c r="G136" s="10">
        <v>0</v>
      </c>
      <c r="H136" s="10">
        <v>0</v>
      </c>
      <c r="I136" s="10">
        <v>0</v>
      </c>
      <c r="J136" s="10">
        <v>0</v>
      </c>
    </row>
    <row r="137" spans="2:10" ht="15" customHeight="1">
      <c r="B137" s="7" t="s">
        <v>82</v>
      </c>
      <c r="C137" s="8">
        <v>0</v>
      </c>
      <c r="D137" s="8">
        <v>0</v>
      </c>
      <c r="E137" s="8">
        <v>0</v>
      </c>
      <c r="F137" s="8">
        <v>0</v>
      </c>
      <c r="G137" s="8">
        <v>0</v>
      </c>
      <c r="H137" s="8">
        <v>0</v>
      </c>
      <c r="I137" s="8">
        <v>0</v>
      </c>
      <c r="J137" s="8">
        <v>0</v>
      </c>
    </row>
    <row r="138" spans="2:10" ht="15" customHeight="1">
      <c r="B138" s="16" t="s">
        <v>80</v>
      </c>
      <c r="C138" s="20">
        <v>995</v>
      </c>
      <c r="D138" s="20">
        <v>3200</v>
      </c>
      <c r="E138" s="20">
        <v>3625</v>
      </c>
      <c r="F138" s="20">
        <v>11618</v>
      </c>
      <c r="G138" s="20">
        <v>4620</v>
      </c>
      <c r="H138" s="20">
        <v>14818</v>
      </c>
      <c r="I138" s="20">
        <v>0</v>
      </c>
      <c r="J138" s="20">
        <v>0</v>
      </c>
    </row>
    <row r="139" spans="2:10" ht="15" customHeight="1">
      <c r="B139" s="14" t="s">
        <v>81</v>
      </c>
      <c r="C139" s="21">
        <v>995</v>
      </c>
      <c r="D139" s="21">
        <v>3200</v>
      </c>
      <c r="E139" s="21">
        <v>3625</v>
      </c>
      <c r="F139" s="21">
        <v>11618</v>
      </c>
      <c r="G139" s="21">
        <v>4620</v>
      </c>
      <c r="H139" s="21">
        <v>14818</v>
      </c>
      <c r="I139" s="21">
        <v>0</v>
      </c>
      <c r="J139" s="21">
        <v>0</v>
      </c>
    </row>
    <row r="140" spans="2:10" ht="15" customHeight="1">
      <c r="B140" s="14" t="s">
        <v>82</v>
      </c>
      <c r="C140" s="21">
        <v>0</v>
      </c>
      <c r="D140" s="21">
        <v>0</v>
      </c>
      <c r="E140" s="21">
        <v>0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</row>
    <row r="141" spans="2:10" ht="15" customHeight="1">
      <c r="B141" s="5" t="s">
        <v>34</v>
      </c>
      <c r="C141" s="6">
        <v>314921</v>
      </c>
      <c r="D141" s="6">
        <v>791975</v>
      </c>
      <c r="E141" s="6">
        <v>359538</v>
      </c>
      <c r="F141" s="6">
        <v>915806</v>
      </c>
      <c r="G141" s="6">
        <v>674459</v>
      </c>
      <c r="H141" s="6">
        <v>1707781</v>
      </c>
      <c r="I141" s="6">
        <v>131720</v>
      </c>
      <c r="J141" s="6">
        <v>355777</v>
      </c>
    </row>
    <row r="142" spans="2:10" ht="15" customHeight="1">
      <c r="B142" s="16" t="s">
        <v>75</v>
      </c>
      <c r="C142" s="20">
        <v>314605</v>
      </c>
      <c r="D142" s="20">
        <v>788875</v>
      </c>
      <c r="E142" s="20">
        <v>356472</v>
      </c>
      <c r="F142" s="20">
        <v>905272</v>
      </c>
      <c r="G142" s="20">
        <v>671077</v>
      </c>
      <c r="H142" s="20">
        <v>1694147</v>
      </c>
      <c r="I142" s="20">
        <v>129809</v>
      </c>
      <c r="J142" s="20">
        <v>353866</v>
      </c>
    </row>
    <row r="143" spans="2:10" ht="15" customHeight="1">
      <c r="B143" s="7" t="s">
        <v>81</v>
      </c>
      <c r="C143" s="8">
        <v>314605</v>
      </c>
      <c r="D143" s="8">
        <v>788875</v>
      </c>
      <c r="E143" s="8">
        <v>356472</v>
      </c>
      <c r="F143" s="8">
        <v>905272</v>
      </c>
      <c r="G143" s="8">
        <v>671077</v>
      </c>
      <c r="H143" s="8">
        <v>1694147</v>
      </c>
      <c r="I143" s="8">
        <v>129809</v>
      </c>
      <c r="J143" s="8">
        <v>353866</v>
      </c>
    </row>
    <row r="144" spans="2:10" ht="15" customHeight="1">
      <c r="B144" s="9" t="s">
        <v>77</v>
      </c>
      <c r="C144" s="10">
        <v>314605</v>
      </c>
      <c r="D144" s="10">
        <v>788875</v>
      </c>
      <c r="E144" s="10">
        <v>356472</v>
      </c>
      <c r="F144" s="10">
        <v>905272</v>
      </c>
      <c r="G144" s="10">
        <v>671077</v>
      </c>
      <c r="H144" s="10">
        <v>1694147</v>
      </c>
      <c r="I144" s="10">
        <v>129809</v>
      </c>
      <c r="J144" s="10">
        <v>353866</v>
      </c>
    </row>
    <row r="145" spans="2:10" ht="15" customHeight="1">
      <c r="B145" s="9" t="s">
        <v>78</v>
      </c>
      <c r="C145" s="10">
        <v>0</v>
      </c>
      <c r="D145" s="10">
        <v>0</v>
      </c>
      <c r="E145" s="10">
        <v>0</v>
      </c>
      <c r="F145" s="10">
        <v>0</v>
      </c>
      <c r="G145" s="10">
        <v>0</v>
      </c>
      <c r="H145" s="10">
        <v>0</v>
      </c>
      <c r="I145" s="10">
        <v>0</v>
      </c>
      <c r="J145" s="10">
        <v>0</v>
      </c>
    </row>
    <row r="146" spans="2:10" ht="15" customHeight="1">
      <c r="B146" s="7" t="s">
        <v>82</v>
      </c>
      <c r="C146" s="8">
        <v>0</v>
      </c>
      <c r="D146" s="8">
        <v>0</v>
      </c>
      <c r="E146" s="8">
        <v>0</v>
      </c>
      <c r="F146" s="8">
        <v>0</v>
      </c>
      <c r="G146" s="8">
        <v>0</v>
      </c>
      <c r="H146" s="8">
        <v>0</v>
      </c>
      <c r="I146" s="8">
        <v>0</v>
      </c>
      <c r="J146" s="8">
        <v>0</v>
      </c>
    </row>
    <row r="147" spans="2:10" ht="15" customHeight="1">
      <c r="B147" s="16" t="s">
        <v>80</v>
      </c>
      <c r="C147" s="20">
        <v>316</v>
      </c>
      <c r="D147" s="20">
        <v>3100</v>
      </c>
      <c r="E147" s="20">
        <v>3066</v>
      </c>
      <c r="F147" s="20">
        <v>10534</v>
      </c>
      <c r="G147" s="20">
        <v>3382</v>
      </c>
      <c r="H147" s="20">
        <v>13634</v>
      </c>
      <c r="I147" s="20">
        <v>1911</v>
      </c>
      <c r="J147" s="20">
        <v>1911</v>
      </c>
    </row>
    <row r="148" spans="2:10" ht="15" customHeight="1">
      <c r="B148" s="14" t="s">
        <v>81</v>
      </c>
      <c r="C148" s="21">
        <v>316</v>
      </c>
      <c r="D148" s="21">
        <v>3100</v>
      </c>
      <c r="E148" s="21">
        <v>3066</v>
      </c>
      <c r="F148" s="21">
        <v>10534</v>
      </c>
      <c r="G148" s="21">
        <v>3382</v>
      </c>
      <c r="H148" s="21">
        <v>13634</v>
      </c>
      <c r="I148" s="21">
        <v>1911</v>
      </c>
      <c r="J148" s="21">
        <v>1911</v>
      </c>
    </row>
    <row r="149" spans="2:10" ht="15" customHeight="1">
      <c r="B149" s="14" t="s">
        <v>82</v>
      </c>
      <c r="C149" s="21">
        <v>0</v>
      </c>
      <c r="D149" s="21">
        <v>0</v>
      </c>
      <c r="E149" s="21">
        <v>0</v>
      </c>
      <c r="F149" s="21">
        <v>0</v>
      </c>
      <c r="G149" s="21">
        <v>0</v>
      </c>
      <c r="H149" s="21">
        <v>0</v>
      </c>
      <c r="I149" s="21">
        <v>0</v>
      </c>
      <c r="J149" s="21">
        <v>0</v>
      </c>
    </row>
    <row r="150" spans="2:10" ht="15" customHeight="1">
      <c r="B150" s="5" t="s">
        <v>35</v>
      </c>
      <c r="C150" s="6">
        <v>4027</v>
      </c>
      <c r="D150" s="6">
        <v>10487</v>
      </c>
      <c r="E150" s="6">
        <v>12782</v>
      </c>
      <c r="F150" s="6">
        <v>28261</v>
      </c>
      <c r="G150" s="6">
        <v>16809</v>
      </c>
      <c r="H150" s="6">
        <v>38748</v>
      </c>
      <c r="I150" s="6">
        <v>0</v>
      </c>
      <c r="J150" s="6">
        <v>1916</v>
      </c>
    </row>
    <row r="151" spans="2:10" ht="15" customHeight="1">
      <c r="B151" s="16" t="s">
        <v>75</v>
      </c>
      <c r="C151" s="20">
        <v>3927</v>
      </c>
      <c r="D151" s="20">
        <v>7510</v>
      </c>
      <c r="E151" s="20">
        <v>12762</v>
      </c>
      <c r="F151" s="20">
        <v>25234</v>
      </c>
      <c r="G151" s="20">
        <v>16689</v>
      </c>
      <c r="H151" s="20">
        <v>32744</v>
      </c>
      <c r="I151" s="20">
        <v>0</v>
      </c>
      <c r="J151" s="20">
        <v>0</v>
      </c>
    </row>
    <row r="152" spans="2:10" ht="15" customHeight="1">
      <c r="B152" s="7" t="s">
        <v>81</v>
      </c>
      <c r="C152" s="8">
        <v>3927</v>
      </c>
      <c r="D152" s="8">
        <v>7510</v>
      </c>
      <c r="E152" s="8">
        <v>12762</v>
      </c>
      <c r="F152" s="8">
        <v>25234</v>
      </c>
      <c r="G152" s="8">
        <v>16689</v>
      </c>
      <c r="H152" s="8">
        <v>32744</v>
      </c>
      <c r="I152" s="8">
        <v>0</v>
      </c>
      <c r="J152" s="8">
        <v>0</v>
      </c>
    </row>
    <row r="153" spans="2:10" ht="15" customHeight="1">
      <c r="B153" s="9" t="s">
        <v>77</v>
      </c>
      <c r="C153" s="10">
        <v>3927</v>
      </c>
      <c r="D153" s="10">
        <v>7510</v>
      </c>
      <c r="E153" s="10">
        <v>12762</v>
      </c>
      <c r="F153" s="10">
        <v>25234</v>
      </c>
      <c r="G153" s="10">
        <v>16689</v>
      </c>
      <c r="H153" s="10">
        <v>32744</v>
      </c>
      <c r="I153" s="10">
        <v>0</v>
      </c>
      <c r="J153" s="10">
        <v>0</v>
      </c>
    </row>
    <row r="154" spans="2:10" ht="15" customHeight="1">
      <c r="B154" s="9" t="s">
        <v>78</v>
      </c>
      <c r="C154" s="10">
        <v>0</v>
      </c>
      <c r="D154" s="10">
        <v>0</v>
      </c>
      <c r="E154" s="10">
        <v>0</v>
      </c>
      <c r="F154" s="10">
        <v>0</v>
      </c>
      <c r="G154" s="10">
        <v>0</v>
      </c>
      <c r="H154" s="10">
        <v>0</v>
      </c>
      <c r="I154" s="10">
        <v>0</v>
      </c>
      <c r="J154" s="10">
        <v>0</v>
      </c>
    </row>
    <row r="155" spans="2:10" ht="15" customHeight="1">
      <c r="B155" s="7" t="s">
        <v>82</v>
      </c>
      <c r="C155" s="8">
        <v>0</v>
      </c>
      <c r="D155" s="8">
        <v>0</v>
      </c>
      <c r="E155" s="8">
        <v>0</v>
      </c>
      <c r="F155" s="8">
        <v>0</v>
      </c>
      <c r="G155" s="8">
        <v>0</v>
      </c>
      <c r="H155" s="8">
        <v>0</v>
      </c>
      <c r="I155" s="8">
        <v>0</v>
      </c>
      <c r="J155" s="8">
        <v>0</v>
      </c>
    </row>
    <row r="156" spans="2:10" ht="15" customHeight="1">
      <c r="B156" s="16" t="s">
        <v>80</v>
      </c>
      <c r="C156" s="20">
        <v>100</v>
      </c>
      <c r="D156" s="20">
        <v>2977</v>
      </c>
      <c r="E156" s="20">
        <v>20</v>
      </c>
      <c r="F156" s="20">
        <v>3027</v>
      </c>
      <c r="G156" s="20">
        <v>120</v>
      </c>
      <c r="H156" s="20">
        <v>6004</v>
      </c>
      <c r="I156" s="20">
        <v>0</v>
      </c>
      <c r="J156" s="20">
        <v>1916</v>
      </c>
    </row>
    <row r="157" spans="2:10" ht="15" customHeight="1">
      <c r="B157" s="14" t="s">
        <v>81</v>
      </c>
      <c r="C157" s="21">
        <v>100</v>
      </c>
      <c r="D157" s="21">
        <v>2977</v>
      </c>
      <c r="E157" s="21">
        <v>20</v>
      </c>
      <c r="F157" s="21">
        <v>3027</v>
      </c>
      <c r="G157" s="21">
        <v>120</v>
      </c>
      <c r="H157" s="21">
        <v>6004</v>
      </c>
      <c r="I157" s="21">
        <v>0</v>
      </c>
      <c r="J157" s="21">
        <v>1916</v>
      </c>
    </row>
    <row r="158" spans="2:10" ht="15" customHeight="1">
      <c r="B158" s="14" t="s">
        <v>82</v>
      </c>
      <c r="C158" s="21">
        <v>0</v>
      </c>
      <c r="D158" s="21">
        <v>0</v>
      </c>
      <c r="E158" s="21">
        <v>0</v>
      </c>
      <c r="F158" s="21">
        <v>0</v>
      </c>
      <c r="G158" s="21">
        <v>0</v>
      </c>
      <c r="H158" s="21">
        <v>0</v>
      </c>
      <c r="I158" s="21">
        <v>0</v>
      </c>
      <c r="J158" s="21">
        <v>0</v>
      </c>
    </row>
    <row r="159" spans="2:10" ht="15" customHeight="1">
      <c r="B159" s="5" t="s">
        <v>36</v>
      </c>
      <c r="C159" s="6">
        <v>128793</v>
      </c>
      <c r="D159" s="6">
        <v>201131</v>
      </c>
      <c r="E159" s="6">
        <v>62321</v>
      </c>
      <c r="F159" s="6">
        <v>147555</v>
      </c>
      <c r="G159" s="6">
        <v>191114</v>
      </c>
      <c r="H159" s="6">
        <v>348686</v>
      </c>
      <c r="I159" s="6">
        <v>21508</v>
      </c>
      <c r="J159" s="6">
        <v>50224</v>
      </c>
    </row>
    <row r="160" spans="2:10" ht="15" customHeight="1">
      <c r="B160" s="16" t="s">
        <v>75</v>
      </c>
      <c r="C160" s="20">
        <v>128441</v>
      </c>
      <c r="D160" s="20">
        <v>196391</v>
      </c>
      <c r="E160" s="20">
        <v>62181</v>
      </c>
      <c r="F160" s="20">
        <v>141673</v>
      </c>
      <c r="G160" s="20">
        <v>190622</v>
      </c>
      <c r="H160" s="20">
        <v>338064</v>
      </c>
      <c r="I160" s="20">
        <v>21508</v>
      </c>
      <c r="J160" s="20">
        <v>50224</v>
      </c>
    </row>
    <row r="161" spans="2:10" ht="15" customHeight="1">
      <c r="B161" s="7" t="s">
        <v>81</v>
      </c>
      <c r="C161" s="8">
        <v>128441</v>
      </c>
      <c r="D161" s="8">
        <v>196391</v>
      </c>
      <c r="E161" s="8">
        <v>62181</v>
      </c>
      <c r="F161" s="8">
        <v>141673</v>
      </c>
      <c r="G161" s="8">
        <v>190622</v>
      </c>
      <c r="H161" s="8">
        <v>338064</v>
      </c>
      <c r="I161" s="8">
        <v>21508</v>
      </c>
      <c r="J161" s="8">
        <v>50224</v>
      </c>
    </row>
    <row r="162" spans="2:10" ht="15" customHeight="1">
      <c r="B162" s="9" t="s">
        <v>77</v>
      </c>
      <c r="C162" s="10">
        <v>128441</v>
      </c>
      <c r="D162" s="10">
        <v>196391</v>
      </c>
      <c r="E162" s="10">
        <v>62181</v>
      </c>
      <c r="F162" s="10">
        <v>141673</v>
      </c>
      <c r="G162" s="10">
        <v>190622</v>
      </c>
      <c r="H162" s="10">
        <v>338064</v>
      </c>
      <c r="I162" s="10">
        <v>21508</v>
      </c>
      <c r="J162" s="10">
        <v>50224</v>
      </c>
    </row>
    <row r="163" spans="2:10" ht="15" customHeight="1">
      <c r="B163" s="9" t="s">
        <v>78</v>
      </c>
      <c r="C163" s="10">
        <v>0</v>
      </c>
      <c r="D163" s="10">
        <v>0</v>
      </c>
      <c r="E163" s="10">
        <v>0</v>
      </c>
      <c r="F163" s="10">
        <v>0</v>
      </c>
      <c r="G163" s="10">
        <v>0</v>
      </c>
      <c r="H163" s="10">
        <v>0</v>
      </c>
      <c r="I163" s="10">
        <v>0</v>
      </c>
      <c r="J163" s="10">
        <v>0</v>
      </c>
    </row>
    <row r="164" spans="2:10" ht="15" customHeight="1">
      <c r="B164" s="7" t="s">
        <v>82</v>
      </c>
      <c r="C164" s="8">
        <v>0</v>
      </c>
      <c r="D164" s="8">
        <v>0</v>
      </c>
      <c r="E164" s="8">
        <v>0</v>
      </c>
      <c r="F164" s="8">
        <v>0</v>
      </c>
      <c r="G164" s="8">
        <v>0</v>
      </c>
      <c r="H164" s="8">
        <v>0</v>
      </c>
      <c r="I164" s="8">
        <v>0</v>
      </c>
      <c r="J164" s="8">
        <v>0</v>
      </c>
    </row>
    <row r="165" spans="2:10" ht="15" customHeight="1">
      <c r="B165" s="16" t="s">
        <v>80</v>
      </c>
      <c r="C165" s="20">
        <v>352</v>
      </c>
      <c r="D165" s="20">
        <v>4740</v>
      </c>
      <c r="E165" s="20">
        <v>140</v>
      </c>
      <c r="F165" s="20">
        <v>5882</v>
      </c>
      <c r="G165" s="20">
        <v>492</v>
      </c>
      <c r="H165" s="20">
        <v>10622</v>
      </c>
      <c r="I165" s="20">
        <v>0</v>
      </c>
      <c r="J165" s="20">
        <v>0</v>
      </c>
    </row>
    <row r="166" spans="2:10" ht="15" customHeight="1">
      <c r="B166" s="14" t="s">
        <v>81</v>
      </c>
      <c r="C166" s="21">
        <v>352</v>
      </c>
      <c r="D166" s="21">
        <v>4740</v>
      </c>
      <c r="E166" s="21">
        <v>140</v>
      </c>
      <c r="F166" s="21">
        <v>5882</v>
      </c>
      <c r="G166" s="21">
        <v>492</v>
      </c>
      <c r="H166" s="21">
        <v>10622</v>
      </c>
      <c r="I166" s="21">
        <v>0</v>
      </c>
      <c r="J166" s="21">
        <v>0</v>
      </c>
    </row>
    <row r="167" spans="2:10" ht="15" customHeight="1">
      <c r="B167" s="14" t="s">
        <v>82</v>
      </c>
      <c r="C167" s="21">
        <v>0</v>
      </c>
      <c r="D167" s="21">
        <v>0</v>
      </c>
      <c r="E167" s="21">
        <v>0</v>
      </c>
      <c r="F167" s="21">
        <v>0</v>
      </c>
      <c r="G167" s="21">
        <v>0</v>
      </c>
      <c r="H167" s="21">
        <v>0</v>
      </c>
      <c r="I167" s="21">
        <v>0</v>
      </c>
      <c r="J167" s="21">
        <v>0</v>
      </c>
    </row>
    <row r="168" spans="2:10" ht="15" customHeight="1">
      <c r="B168" s="5" t="s">
        <v>37</v>
      </c>
      <c r="C168" s="6">
        <v>9621</v>
      </c>
      <c r="D168" s="6">
        <v>41385</v>
      </c>
      <c r="E168" s="6">
        <v>16646</v>
      </c>
      <c r="F168" s="6">
        <v>45787</v>
      </c>
      <c r="G168" s="6">
        <v>26267</v>
      </c>
      <c r="H168" s="6">
        <v>87172</v>
      </c>
      <c r="I168" s="6">
        <v>7018</v>
      </c>
      <c r="J168" s="6">
        <v>30981</v>
      </c>
    </row>
    <row r="169" spans="2:10" ht="15" customHeight="1">
      <c r="B169" s="16" t="s">
        <v>75</v>
      </c>
      <c r="C169" s="20">
        <v>9621</v>
      </c>
      <c r="D169" s="20">
        <v>41155</v>
      </c>
      <c r="E169" s="20">
        <v>16646</v>
      </c>
      <c r="F169" s="20">
        <v>44787</v>
      </c>
      <c r="G169" s="20">
        <v>26267</v>
      </c>
      <c r="H169" s="20">
        <v>85942</v>
      </c>
      <c r="I169" s="20">
        <v>7018</v>
      </c>
      <c r="J169" s="20">
        <v>30981</v>
      </c>
    </row>
    <row r="170" spans="2:10" ht="15" customHeight="1">
      <c r="B170" s="7" t="s">
        <v>81</v>
      </c>
      <c r="C170" s="8">
        <v>9621</v>
      </c>
      <c r="D170" s="8">
        <v>41155</v>
      </c>
      <c r="E170" s="8">
        <v>16646</v>
      </c>
      <c r="F170" s="8">
        <v>44787</v>
      </c>
      <c r="G170" s="8">
        <v>26267</v>
      </c>
      <c r="H170" s="8">
        <v>85942</v>
      </c>
      <c r="I170" s="8">
        <v>7018</v>
      </c>
      <c r="J170" s="8">
        <v>30981</v>
      </c>
    </row>
    <row r="171" spans="2:10" ht="15" customHeight="1">
      <c r="B171" s="9" t="s">
        <v>77</v>
      </c>
      <c r="C171" s="10">
        <v>9621</v>
      </c>
      <c r="D171" s="10">
        <v>41155</v>
      </c>
      <c r="E171" s="10">
        <v>16646</v>
      </c>
      <c r="F171" s="10">
        <v>44787</v>
      </c>
      <c r="G171" s="10">
        <v>26267</v>
      </c>
      <c r="H171" s="10">
        <v>85942</v>
      </c>
      <c r="I171" s="10">
        <v>7018</v>
      </c>
      <c r="J171" s="10">
        <v>30981</v>
      </c>
    </row>
    <row r="172" spans="2:10" ht="15" customHeight="1">
      <c r="B172" s="9" t="s">
        <v>78</v>
      </c>
      <c r="C172" s="10">
        <v>0</v>
      </c>
      <c r="D172" s="10">
        <v>0</v>
      </c>
      <c r="E172" s="10">
        <v>0</v>
      </c>
      <c r="F172" s="10">
        <v>0</v>
      </c>
      <c r="G172" s="10">
        <v>0</v>
      </c>
      <c r="H172" s="10">
        <v>0</v>
      </c>
      <c r="I172" s="10">
        <v>0</v>
      </c>
      <c r="J172" s="10">
        <v>0</v>
      </c>
    </row>
    <row r="173" spans="2:10" ht="15" customHeight="1">
      <c r="B173" s="7" t="s">
        <v>82</v>
      </c>
      <c r="C173" s="8">
        <v>0</v>
      </c>
      <c r="D173" s="8">
        <v>0</v>
      </c>
      <c r="E173" s="8">
        <v>0</v>
      </c>
      <c r="F173" s="8">
        <v>0</v>
      </c>
      <c r="G173" s="8">
        <v>0</v>
      </c>
      <c r="H173" s="8">
        <v>0</v>
      </c>
      <c r="I173" s="8">
        <v>0</v>
      </c>
      <c r="J173" s="8">
        <v>0</v>
      </c>
    </row>
    <row r="174" spans="2:10" ht="15" customHeight="1">
      <c r="B174" s="16" t="s">
        <v>80</v>
      </c>
      <c r="C174" s="20">
        <v>0</v>
      </c>
      <c r="D174" s="20">
        <v>230</v>
      </c>
      <c r="E174" s="20">
        <v>0</v>
      </c>
      <c r="F174" s="20">
        <v>1000</v>
      </c>
      <c r="G174" s="20">
        <v>0</v>
      </c>
      <c r="H174" s="20">
        <v>1230</v>
      </c>
      <c r="I174" s="20">
        <v>0</v>
      </c>
      <c r="J174" s="20">
        <v>0</v>
      </c>
    </row>
    <row r="175" spans="2:10" ht="15" customHeight="1">
      <c r="B175" s="14" t="s">
        <v>81</v>
      </c>
      <c r="C175" s="21">
        <v>0</v>
      </c>
      <c r="D175" s="21">
        <v>230</v>
      </c>
      <c r="E175" s="21">
        <v>0</v>
      </c>
      <c r="F175" s="21">
        <v>1000</v>
      </c>
      <c r="G175" s="21">
        <v>0</v>
      </c>
      <c r="H175" s="21">
        <v>1230</v>
      </c>
      <c r="I175" s="21">
        <v>0</v>
      </c>
      <c r="J175" s="21">
        <v>0</v>
      </c>
    </row>
    <row r="176" spans="2:10" ht="15" customHeight="1">
      <c r="B176" s="14" t="s">
        <v>82</v>
      </c>
      <c r="C176" s="21">
        <v>0</v>
      </c>
      <c r="D176" s="21">
        <v>0</v>
      </c>
      <c r="E176" s="21">
        <v>0</v>
      </c>
      <c r="F176" s="21">
        <v>0</v>
      </c>
      <c r="G176" s="21">
        <v>0</v>
      </c>
      <c r="H176" s="21">
        <v>0</v>
      </c>
      <c r="I176" s="21">
        <v>0</v>
      </c>
      <c r="J176" s="21">
        <v>0</v>
      </c>
    </row>
    <row r="177" spans="2:10" ht="15" customHeight="1">
      <c r="B177" s="5" t="s">
        <v>38</v>
      </c>
      <c r="C177" s="6">
        <v>2050</v>
      </c>
      <c r="D177" s="6">
        <v>6730</v>
      </c>
      <c r="E177" s="6">
        <v>705</v>
      </c>
      <c r="F177" s="6">
        <v>3475</v>
      </c>
      <c r="G177" s="6">
        <v>2755</v>
      </c>
      <c r="H177" s="6">
        <v>10205</v>
      </c>
      <c r="I177" s="6">
        <v>0</v>
      </c>
      <c r="J177" s="6">
        <v>0</v>
      </c>
    </row>
    <row r="178" spans="2:10" ht="15" customHeight="1">
      <c r="B178" s="16" t="s">
        <v>75</v>
      </c>
      <c r="C178" s="20">
        <v>0</v>
      </c>
      <c r="D178" s="20">
        <v>0</v>
      </c>
      <c r="E178" s="20">
        <v>0</v>
      </c>
      <c r="F178" s="20">
        <v>0</v>
      </c>
      <c r="G178" s="20">
        <v>0</v>
      </c>
      <c r="H178" s="20">
        <v>0</v>
      </c>
      <c r="I178" s="20">
        <v>0</v>
      </c>
      <c r="J178" s="20">
        <v>0</v>
      </c>
    </row>
    <row r="179" spans="2:10" ht="15" customHeight="1">
      <c r="B179" s="7" t="s">
        <v>81</v>
      </c>
      <c r="C179" s="8">
        <v>0</v>
      </c>
      <c r="D179" s="8">
        <v>0</v>
      </c>
      <c r="E179" s="8">
        <v>0</v>
      </c>
      <c r="F179" s="8">
        <v>0</v>
      </c>
      <c r="G179" s="8">
        <v>0</v>
      </c>
      <c r="H179" s="8">
        <v>0</v>
      </c>
      <c r="I179" s="8">
        <v>0</v>
      </c>
      <c r="J179" s="8">
        <v>0</v>
      </c>
    </row>
    <row r="180" spans="2:10" ht="15" customHeight="1">
      <c r="B180" s="9" t="s">
        <v>77</v>
      </c>
      <c r="C180" s="10">
        <v>0</v>
      </c>
      <c r="D180" s="10">
        <v>0</v>
      </c>
      <c r="E180" s="10">
        <v>0</v>
      </c>
      <c r="F180" s="10">
        <v>0</v>
      </c>
      <c r="G180" s="10">
        <v>0</v>
      </c>
      <c r="H180" s="10">
        <v>0</v>
      </c>
      <c r="I180" s="10">
        <v>0</v>
      </c>
      <c r="J180" s="10">
        <v>0</v>
      </c>
    </row>
    <row r="181" spans="2:10" ht="15" customHeight="1">
      <c r="B181" s="9" t="s">
        <v>78</v>
      </c>
      <c r="C181" s="10">
        <v>0</v>
      </c>
      <c r="D181" s="10">
        <v>0</v>
      </c>
      <c r="E181" s="10">
        <v>0</v>
      </c>
      <c r="F181" s="10">
        <v>0</v>
      </c>
      <c r="G181" s="10">
        <v>0</v>
      </c>
      <c r="H181" s="10">
        <v>0</v>
      </c>
      <c r="I181" s="10">
        <v>0</v>
      </c>
      <c r="J181" s="10">
        <v>0</v>
      </c>
    </row>
    <row r="182" spans="2:10" ht="15" customHeight="1">
      <c r="B182" s="7" t="s">
        <v>82</v>
      </c>
      <c r="C182" s="8">
        <v>0</v>
      </c>
      <c r="D182" s="8">
        <v>0</v>
      </c>
      <c r="E182" s="8">
        <v>0</v>
      </c>
      <c r="F182" s="8">
        <v>0</v>
      </c>
      <c r="G182" s="8">
        <v>0</v>
      </c>
      <c r="H182" s="8">
        <v>0</v>
      </c>
      <c r="I182" s="8">
        <v>0</v>
      </c>
      <c r="J182" s="8">
        <v>0</v>
      </c>
    </row>
    <row r="183" spans="2:10" ht="15" customHeight="1">
      <c r="B183" s="16" t="s">
        <v>80</v>
      </c>
      <c r="C183" s="20">
        <v>2050</v>
      </c>
      <c r="D183" s="20">
        <v>6730</v>
      </c>
      <c r="E183" s="20">
        <v>705</v>
      </c>
      <c r="F183" s="20">
        <v>3475</v>
      </c>
      <c r="G183" s="20">
        <v>2755</v>
      </c>
      <c r="H183" s="20">
        <v>10205</v>
      </c>
      <c r="I183" s="20">
        <v>0</v>
      </c>
      <c r="J183" s="20">
        <v>0</v>
      </c>
    </row>
    <row r="184" spans="2:10" ht="15" customHeight="1">
      <c r="B184" s="14" t="s">
        <v>81</v>
      </c>
      <c r="C184" s="21">
        <v>2050</v>
      </c>
      <c r="D184" s="21">
        <v>6730</v>
      </c>
      <c r="E184" s="21">
        <v>705</v>
      </c>
      <c r="F184" s="21">
        <v>3475</v>
      </c>
      <c r="G184" s="21">
        <v>2755</v>
      </c>
      <c r="H184" s="21">
        <v>10205</v>
      </c>
      <c r="I184" s="21">
        <v>0</v>
      </c>
      <c r="J184" s="21">
        <v>0</v>
      </c>
    </row>
    <row r="185" spans="2:10" ht="15" customHeight="1">
      <c r="B185" s="14" t="s">
        <v>82</v>
      </c>
      <c r="C185" s="21">
        <v>0</v>
      </c>
      <c r="D185" s="21">
        <v>0</v>
      </c>
      <c r="E185" s="21">
        <v>0</v>
      </c>
      <c r="F185" s="21">
        <v>0</v>
      </c>
      <c r="G185" s="21">
        <v>0</v>
      </c>
      <c r="H185" s="21">
        <v>0</v>
      </c>
      <c r="I185" s="21">
        <v>0</v>
      </c>
      <c r="J185" s="21">
        <v>0</v>
      </c>
    </row>
    <row r="186" spans="2:10" ht="15" customHeight="1">
      <c r="B186" s="5" t="s">
        <v>39</v>
      </c>
      <c r="C186" s="6">
        <v>92604</v>
      </c>
      <c r="D186" s="6">
        <v>206082</v>
      </c>
      <c r="E186" s="6">
        <v>162383</v>
      </c>
      <c r="F186" s="6">
        <v>408891</v>
      </c>
      <c r="G186" s="6">
        <v>254987</v>
      </c>
      <c r="H186" s="6">
        <v>614973</v>
      </c>
      <c r="I186" s="6">
        <v>53405</v>
      </c>
      <c r="J186" s="6">
        <v>113242</v>
      </c>
    </row>
    <row r="187" spans="2:10" ht="15" customHeight="1">
      <c r="B187" s="16" t="s">
        <v>75</v>
      </c>
      <c r="C187" s="20">
        <v>92604</v>
      </c>
      <c r="D187" s="20">
        <v>205687</v>
      </c>
      <c r="E187" s="20">
        <v>162242</v>
      </c>
      <c r="F187" s="20">
        <v>408082</v>
      </c>
      <c r="G187" s="20">
        <v>254846</v>
      </c>
      <c r="H187" s="20">
        <v>613769</v>
      </c>
      <c r="I187" s="20">
        <v>53405</v>
      </c>
      <c r="J187" s="20">
        <v>113242</v>
      </c>
    </row>
    <row r="188" spans="2:10" ht="15" customHeight="1">
      <c r="B188" s="7" t="s">
        <v>81</v>
      </c>
      <c r="C188" s="8">
        <v>92604</v>
      </c>
      <c r="D188" s="8">
        <v>205687</v>
      </c>
      <c r="E188" s="8">
        <v>162242</v>
      </c>
      <c r="F188" s="8">
        <v>408082</v>
      </c>
      <c r="G188" s="8">
        <v>254846</v>
      </c>
      <c r="H188" s="8">
        <v>613769</v>
      </c>
      <c r="I188" s="8">
        <v>53405</v>
      </c>
      <c r="J188" s="8">
        <v>113242</v>
      </c>
    </row>
    <row r="189" spans="2:10" ht="15" customHeight="1">
      <c r="B189" s="9" t="s">
        <v>77</v>
      </c>
      <c r="C189" s="10">
        <v>92604</v>
      </c>
      <c r="D189" s="10">
        <v>205687</v>
      </c>
      <c r="E189" s="10">
        <v>162242</v>
      </c>
      <c r="F189" s="10">
        <v>408082</v>
      </c>
      <c r="G189" s="10">
        <v>254846</v>
      </c>
      <c r="H189" s="10">
        <v>613769</v>
      </c>
      <c r="I189" s="10">
        <v>53405</v>
      </c>
      <c r="J189" s="10">
        <v>113242</v>
      </c>
    </row>
    <row r="190" spans="2:10" ht="15" customHeight="1">
      <c r="B190" s="9" t="s">
        <v>78</v>
      </c>
      <c r="C190" s="10">
        <v>0</v>
      </c>
      <c r="D190" s="10">
        <v>0</v>
      </c>
      <c r="E190" s="10">
        <v>0</v>
      </c>
      <c r="F190" s="10">
        <v>0</v>
      </c>
      <c r="G190" s="10">
        <v>0</v>
      </c>
      <c r="H190" s="10">
        <v>0</v>
      </c>
      <c r="I190" s="10">
        <v>0</v>
      </c>
      <c r="J190" s="10">
        <v>0</v>
      </c>
    </row>
    <row r="191" spans="2:10" ht="15" customHeight="1">
      <c r="B191" s="7" t="s">
        <v>82</v>
      </c>
      <c r="C191" s="8">
        <v>0</v>
      </c>
      <c r="D191" s="8">
        <v>0</v>
      </c>
      <c r="E191" s="8">
        <v>0</v>
      </c>
      <c r="F191" s="8">
        <v>0</v>
      </c>
      <c r="G191" s="8">
        <v>0</v>
      </c>
      <c r="H191" s="8">
        <v>0</v>
      </c>
      <c r="I191" s="8">
        <v>0</v>
      </c>
      <c r="J191" s="8">
        <v>0</v>
      </c>
    </row>
    <row r="192" spans="2:10" ht="15" customHeight="1">
      <c r="B192" s="16" t="s">
        <v>80</v>
      </c>
      <c r="C192" s="20">
        <v>0</v>
      </c>
      <c r="D192" s="20">
        <v>395</v>
      </c>
      <c r="E192" s="20">
        <v>141</v>
      </c>
      <c r="F192" s="20">
        <v>809</v>
      </c>
      <c r="G192" s="20">
        <v>141</v>
      </c>
      <c r="H192" s="20">
        <v>1204</v>
      </c>
      <c r="I192" s="20">
        <v>0</v>
      </c>
      <c r="J192" s="20">
        <v>0</v>
      </c>
    </row>
    <row r="193" spans="2:10" ht="15" customHeight="1">
      <c r="B193" s="14" t="s">
        <v>81</v>
      </c>
      <c r="C193" s="21">
        <v>0</v>
      </c>
      <c r="D193" s="21">
        <v>395</v>
      </c>
      <c r="E193" s="21">
        <v>141</v>
      </c>
      <c r="F193" s="21">
        <v>809</v>
      </c>
      <c r="G193" s="21">
        <v>141</v>
      </c>
      <c r="H193" s="21">
        <v>1204</v>
      </c>
      <c r="I193" s="21">
        <v>0</v>
      </c>
      <c r="J193" s="21">
        <v>0</v>
      </c>
    </row>
    <row r="194" spans="2:10" ht="15" customHeight="1">
      <c r="B194" s="14" t="s">
        <v>82</v>
      </c>
      <c r="C194" s="21">
        <v>0</v>
      </c>
      <c r="D194" s="21">
        <v>0</v>
      </c>
      <c r="E194" s="21">
        <v>0</v>
      </c>
      <c r="F194" s="21">
        <v>0</v>
      </c>
      <c r="G194" s="21">
        <v>0</v>
      </c>
      <c r="H194" s="21">
        <v>0</v>
      </c>
      <c r="I194" s="21">
        <v>0</v>
      </c>
      <c r="J194" s="21">
        <v>0</v>
      </c>
    </row>
    <row r="195" spans="2:10" ht="15" customHeight="1">
      <c r="B195" s="5" t="s">
        <v>40</v>
      </c>
      <c r="C195" s="6">
        <v>0</v>
      </c>
      <c r="D195" s="6">
        <v>0</v>
      </c>
      <c r="E195" s="6">
        <v>0</v>
      </c>
      <c r="F195" s="6">
        <v>0</v>
      </c>
      <c r="G195" s="6">
        <v>0</v>
      </c>
      <c r="H195" s="6">
        <v>0</v>
      </c>
      <c r="I195" s="6">
        <v>0</v>
      </c>
      <c r="J195" s="6">
        <v>0</v>
      </c>
    </row>
    <row r="196" spans="2:10" ht="15" customHeight="1">
      <c r="B196" s="16" t="s">
        <v>75</v>
      </c>
      <c r="C196" s="20">
        <v>0</v>
      </c>
      <c r="D196" s="20">
        <v>0</v>
      </c>
      <c r="E196" s="20">
        <v>0</v>
      </c>
      <c r="F196" s="20">
        <v>0</v>
      </c>
      <c r="G196" s="20">
        <v>0</v>
      </c>
      <c r="H196" s="20">
        <v>0</v>
      </c>
      <c r="I196" s="20">
        <v>0</v>
      </c>
      <c r="J196" s="20">
        <v>0</v>
      </c>
    </row>
    <row r="197" spans="2:10" ht="15" customHeight="1">
      <c r="B197" s="7" t="s">
        <v>81</v>
      </c>
      <c r="C197" s="8">
        <v>0</v>
      </c>
      <c r="D197" s="8">
        <v>0</v>
      </c>
      <c r="E197" s="8">
        <v>0</v>
      </c>
      <c r="F197" s="8">
        <v>0</v>
      </c>
      <c r="G197" s="8">
        <v>0</v>
      </c>
      <c r="H197" s="8">
        <v>0</v>
      </c>
      <c r="I197" s="8">
        <v>0</v>
      </c>
      <c r="J197" s="8">
        <v>0</v>
      </c>
    </row>
    <row r="198" spans="2:10" ht="15" customHeight="1">
      <c r="B198" s="9" t="s">
        <v>77</v>
      </c>
      <c r="C198" s="10">
        <v>0</v>
      </c>
      <c r="D198" s="10">
        <v>0</v>
      </c>
      <c r="E198" s="10">
        <v>0</v>
      </c>
      <c r="F198" s="10">
        <v>0</v>
      </c>
      <c r="G198" s="10">
        <v>0</v>
      </c>
      <c r="H198" s="10">
        <v>0</v>
      </c>
      <c r="I198" s="10">
        <v>0</v>
      </c>
      <c r="J198" s="10">
        <v>0</v>
      </c>
    </row>
    <row r="199" spans="2:10" ht="15" customHeight="1">
      <c r="B199" s="9" t="s">
        <v>78</v>
      </c>
      <c r="C199" s="10">
        <v>0</v>
      </c>
      <c r="D199" s="10">
        <v>0</v>
      </c>
      <c r="E199" s="10">
        <v>0</v>
      </c>
      <c r="F199" s="10">
        <v>0</v>
      </c>
      <c r="G199" s="10">
        <v>0</v>
      </c>
      <c r="H199" s="10">
        <v>0</v>
      </c>
      <c r="I199" s="10">
        <v>0</v>
      </c>
      <c r="J199" s="10">
        <v>0</v>
      </c>
    </row>
    <row r="200" spans="2:10" ht="15" customHeight="1">
      <c r="B200" s="7" t="s">
        <v>82</v>
      </c>
      <c r="C200" s="8">
        <v>0</v>
      </c>
      <c r="D200" s="8">
        <v>0</v>
      </c>
      <c r="E200" s="8">
        <v>0</v>
      </c>
      <c r="F200" s="8">
        <v>0</v>
      </c>
      <c r="G200" s="8">
        <v>0</v>
      </c>
      <c r="H200" s="8">
        <v>0</v>
      </c>
      <c r="I200" s="8">
        <v>0</v>
      </c>
      <c r="J200" s="8">
        <v>0</v>
      </c>
    </row>
    <row r="201" spans="2:10" ht="15" customHeight="1">
      <c r="B201" s="16" t="s">
        <v>80</v>
      </c>
      <c r="C201" s="20">
        <v>0</v>
      </c>
      <c r="D201" s="20">
        <v>0</v>
      </c>
      <c r="E201" s="20">
        <v>0</v>
      </c>
      <c r="F201" s="20">
        <v>0</v>
      </c>
      <c r="G201" s="20">
        <v>0</v>
      </c>
      <c r="H201" s="20">
        <v>0</v>
      </c>
      <c r="I201" s="20">
        <v>0</v>
      </c>
      <c r="J201" s="20">
        <v>0</v>
      </c>
    </row>
    <row r="202" spans="2:10" ht="15" customHeight="1">
      <c r="B202" s="14" t="s">
        <v>81</v>
      </c>
      <c r="C202" s="21">
        <v>0</v>
      </c>
      <c r="D202" s="21">
        <v>0</v>
      </c>
      <c r="E202" s="21">
        <v>0</v>
      </c>
      <c r="F202" s="21">
        <v>0</v>
      </c>
      <c r="G202" s="21">
        <v>0</v>
      </c>
      <c r="H202" s="21">
        <v>0</v>
      </c>
      <c r="I202" s="21">
        <v>0</v>
      </c>
      <c r="J202" s="21">
        <v>0</v>
      </c>
    </row>
    <row r="203" spans="2:10" ht="15" customHeight="1">
      <c r="B203" s="14" t="s">
        <v>82</v>
      </c>
      <c r="C203" s="21">
        <v>0</v>
      </c>
      <c r="D203" s="21">
        <v>0</v>
      </c>
      <c r="E203" s="21">
        <v>0</v>
      </c>
      <c r="F203" s="21">
        <v>0</v>
      </c>
      <c r="G203" s="21">
        <v>0</v>
      </c>
      <c r="H203" s="21">
        <v>0</v>
      </c>
      <c r="I203" s="21">
        <v>0</v>
      </c>
      <c r="J203" s="21">
        <v>0</v>
      </c>
    </row>
    <row r="204" spans="2:10" ht="15" customHeight="1">
      <c r="B204" s="5" t="s">
        <v>41</v>
      </c>
      <c r="C204" s="6">
        <v>71402</v>
      </c>
      <c r="D204" s="6">
        <v>185882</v>
      </c>
      <c r="E204" s="6">
        <v>81559</v>
      </c>
      <c r="F204" s="6">
        <v>205124</v>
      </c>
      <c r="G204" s="6">
        <v>152961</v>
      </c>
      <c r="H204" s="6">
        <v>391006</v>
      </c>
      <c r="I204" s="6">
        <v>0</v>
      </c>
      <c r="J204" s="6">
        <v>0</v>
      </c>
    </row>
    <row r="205" spans="2:10" ht="15" customHeight="1">
      <c r="B205" s="16" t="s">
        <v>75</v>
      </c>
      <c r="C205" s="20">
        <v>71102</v>
      </c>
      <c r="D205" s="20">
        <v>185282</v>
      </c>
      <c r="E205" s="20">
        <v>81559</v>
      </c>
      <c r="F205" s="20">
        <v>204262</v>
      </c>
      <c r="G205" s="20">
        <v>152661</v>
      </c>
      <c r="H205" s="20">
        <v>389544</v>
      </c>
      <c r="I205" s="20">
        <v>0</v>
      </c>
      <c r="J205" s="20">
        <v>0</v>
      </c>
    </row>
    <row r="206" spans="2:10" ht="15" customHeight="1">
      <c r="B206" s="7" t="s">
        <v>81</v>
      </c>
      <c r="C206" s="8">
        <v>71102</v>
      </c>
      <c r="D206" s="8">
        <v>185282</v>
      </c>
      <c r="E206" s="8">
        <v>81559</v>
      </c>
      <c r="F206" s="8">
        <v>204262</v>
      </c>
      <c r="G206" s="8">
        <v>152661</v>
      </c>
      <c r="H206" s="8">
        <v>389544</v>
      </c>
      <c r="I206" s="8">
        <v>0</v>
      </c>
      <c r="J206" s="8">
        <v>0</v>
      </c>
    </row>
    <row r="207" spans="2:10" ht="15" customHeight="1">
      <c r="B207" s="9" t="s">
        <v>77</v>
      </c>
      <c r="C207" s="10">
        <v>71102</v>
      </c>
      <c r="D207" s="10">
        <v>184531</v>
      </c>
      <c r="E207" s="10">
        <v>81559</v>
      </c>
      <c r="F207" s="10">
        <v>202551</v>
      </c>
      <c r="G207" s="10">
        <v>152661</v>
      </c>
      <c r="H207" s="10">
        <v>387082</v>
      </c>
      <c r="I207" s="10">
        <v>0</v>
      </c>
      <c r="J207" s="10">
        <v>0</v>
      </c>
    </row>
    <row r="208" spans="2:10" ht="15" customHeight="1">
      <c r="B208" s="9" t="s">
        <v>78</v>
      </c>
      <c r="C208" s="10">
        <v>0</v>
      </c>
      <c r="D208" s="10">
        <v>751</v>
      </c>
      <c r="E208" s="10">
        <v>0</v>
      </c>
      <c r="F208" s="10">
        <v>1711</v>
      </c>
      <c r="G208" s="10">
        <v>0</v>
      </c>
      <c r="H208" s="10">
        <v>2462</v>
      </c>
      <c r="I208" s="10">
        <v>0</v>
      </c>
      <c r="J208" s="10">
        <v>0</v>
      </c>
    </row>
    <row r="209" spans="2:10" ht="15" customHeight="1">
      <c r="B209" s="7" t="s">
        <v>82</v>
      </c>
      <c r="C209" s="8">
        <v>0</v>
      </c>
      <c r="D209" s="8">
        <v>0</v>
      </c>
      <c r="E209" s="8">
        <v>0</v>
      </c>
      <c r="F209" s="8">
        <v>0</v>
      </c>
      <c r="G209" s="8">
        <v>0</v>
      </c>
      <c r="H209" s="8">
        <v>0</v>
      </c>
      <c r="I209" s="8">
        <v>0</v>
      </c>
      <c r="J209" s="8">
        <v>0</v>
      </c>
    </row>
    <row r="210" spans="2:10" ht="15" customHeight="1">
      <c r="B210" s="16" t="s">
        <v>80</v>
      </c>
      <c r="C210" s="20">
        <v>300</v>
      </c>
      <c r="D210" s="20">
        <v>600</v>
      </c>
      <c r="E210" s="20">
        <v>0</v>
      </c>
      <c r="F210" s="20">
        <v>862</v>
      </c>
      <c r="G210" s="20">
        <v>300</v>
      </c>
      <c r="H210" s="20">
        <v>1462</v>
      </c>
      <c r="I210" s="20">
        <v>0</v>
      </c>
      <c r="J210" s="20">
        <v>0</v>
      </c>
    </row>
    <row r="211" spans="2:10" ht="15" customHeight="1">
      <c r="B211" s="14" t="s">
        <v>81</v>
      </c>
      <c r="C211" s="21">
        <v>300</v>
      </c>
      <c r="D211" s="21">
        <v>600</v>
      </c>
      <c r="E211" s="21">
        <v>0</v>
      </c>
      <c r="F211" s="21">
        <v>862</v>
      </c>
      <c r="G211" s="21">
        <v>300</v>
      </c>
      <c r="H211" s="21">
        <v>1462</v>
      </c>
      <c r="I211" s="21">
        <v>0</v>
      </c>
      <c r="J211" s="21">
        <v>0</v>
      </c>
    </row>
    <row r="212" spans="2:10" ht="15" customHeight="1">
      <c r="B212" s="14" t="s">
        <v>82</v>
      </c>
      <c r="C212" s="21">
        <v>0</v>
      </c>
      <c r="D212" s="21">
        <v>0</v>
      </c>
      <c r="E212" s="21">
        <v>0</v>
      </c>
      <c r="F212" s="21">
        <v>0</v>
      </c>
      <c r="G212" s="21">
        <v>0</v>
      </c>
      <c r="H212" s="21">
        <v>0</v>
      </c>
      <c r="I212" s="21">
        <v>0</v>
      </c>
      <c r="J212" s="21">
        <v>0</v>
      </c>
    </row>
    <row r="213" spans="2:10" ht="15" customHeight="1">
      <c r="B213" s="5" t="s">
        <v>42</v>
      </c>
      <c r="C213" s="6">
        <v>70576</v>
      </c>
      <c r="D213" s="6">
        <v>167847</v>
      </c>
      <c r="E213" s="6">
        <v>59371</v>
      </c>
      <c r="F213" s="6">
        <v>135934</v>
      </c>
      <c r="G213" s="6">
        <v>129947</v>
      </c>
      <c r="H213" s="6">
        <v>303781</v>
      </c>
      <c r="I213" s="6">
        <v>31798</v>
      </c>
      <c r="J213" s="6">
        <v>66311</v>
      </c>
    </row>
    <row r="214" spans="2:10" ht="15" customHeight="1">
      <c r="B214" s="16" t="s">
        <v>75</v>
      </c>
      <c r="C214" s="20">
        <v>69906</v>
      </c>
      <c r="D214" s="20">
        <v>164781</v>
      </c>
      <c r="E214" s="20">
        <v>58231</v>
      </c>
      <c r="F214" s="20">
        <v>133101</v>
      </c>
      <c r="G214" s="20">
        <v>128137</v>
      </c>
      <c r="H214" s="20">
        <v>297882</v>
      </c>
      <c r="I214" s="20">
        <v>31798</v>
      </c>
      <c r="J214" s="20">
        <v>66311</v>
      </c>
    </row>
    <row r="215" spans="2:10" ht="15" customHeight="1">
      <c r="B215" s="7" t="s">
        <v>81</v>
      </c>
      <c r="C215" s="8">
        <v>69906</v>
      </c>
      <c r="D215" s="8">
        <v>164781</v>
      </c>
      <c r="E215" s="8">
        <v>58231</v>
      </c>
      <c r="F215" s="8">
        <v>133101</v>
      </c>
      <c r="G215" s="8">
        <v>128137</v>
      </c>
      <c r="H215" s="8">
        <v>297882</v>
      </c>
      <c r="I215" s="8">
        <v>31798</v>
      </c>
      <c r="J215" s="8">
        <v>66311</v>
      </c>
    </row>
    <row r="216" spans="2:10" ht="15" customHeight="1">
      <c r="B216" s="9" t="s">
        <v>77</v>
      </c>
      <c r="C216" s="10">
        <v>69906</v>
      </c>
      <c r="D216" s="10">
        <v>164781</v>
      </c>
      <c r="E216" s="10">
        <v>58231</v>
      </c>
      <c r="F216" s="10">
        <v>133101</v>
      </c>
      <c r="G216" s="10">
        <v>128137</v>
      </c>
      <c r="H216" s="10">
        <v>297882</v>
      </c>
      <c r="I216" s="10">
        <v>31798</v>
      </c>
      <c r="J216" s="10">
        <v>66311</v>
      </c>
    </row>
    <row r="217" spans="2:10" ht="15" customHeight="1">
      <c r="B217" s="9" t="s">
        <v>78</v>
      </c>
      <c r="C217" s="10">
        <v>0</v>
      </c>
      <c r="D217" s="10">
        <v>0</v>
      </c>
      <c r="E217" s="10">
        <v>0</v>
      </c>
      <c r="F217" s="10">
        <v>0</v>
      </c>
      <c r="G217" s="10">
        <v>0</v>
      </c>
      <c r="H217" s="10">
        <v>0</v>
      </c>
      <c r="I217" s="10">
        <v>0</v>
      </c>
      <c r="J217" s="10">
        <v>0</v>
      </c>
    </row>
    <row r="218" spans="2:10" ht="15" customHeight="1">
      <c r="B218" s="7" t="s">
        <v>82</v>
      </c>
      <c r="C218" s="8">
        <v>0</v>
      </c>
      <c r="D218" s="8">
        <v>0</v>
      </c>
      <c r="E218" s="8">
        <v>0</v>
      </c>
      <c r="F218" s="8">
        <v>0</v>
      </c>
      <c r="G218" s="8">
        <v>0</v>
      </c>
      <c r="H218" s="8">
        <v>0</v>
      </c>
      <c r="I218" s="8">
        <v>0</v>
      </c>
      <c r="J218" s="8">
        <v>0</v>
      </c>
    </row>
    <row r="219" spans="2:10" ht="15" customHeight="1">
      <c r="B219" s="16" t="s">
        <v>80</v>
      </c>
      <c r="C219" s="20">
        <v>670</v>
      </c>
      <c r="D219" s="20">
        <v>3066</v>
      </c>
      <c r="E219" s="20">
        <v>1140</v>
      </c>
      <c r="F219" s="20">
        <v>2833</v>
      </c>
      <c r="G219" s="20">
        <v>1810</v>
      </c>
      <c r="H219" s="20">
        <v>5899</v>
      </c>
      <c r="I219" s="20">
        <v>0</v>
      </c>
      <c r="J219" s="20">
        <v>0</v>
      </c>
    </row>
    <row r="220" spans="2:10" ht="15" customHeight="1">
      <c r="B220" s="14" t="s">
        <v>81</v>
      </c>
      <c r="C220" s="21">
        <v>670</v>
      </c>
      <c r="D220" s="21">
        <v>3066</v>
      </c>
      <c r="E220" s="21">
        <v>1140</v>
      </c>
      <c r="F220" s="21">
        <v>2833</v>
      </c>
      <c r="G220" s="21">
        <v>1810</v>
      </c>
      <c r="H220" s="21">
        <v>5899</v>
      </c>
      <c r="I220" s="21">
        <v>0</v>
      </c>
      <c r="J220" s="21">
        <v>0</v>
      </c>
    </row>
    <row r="221" spans="2:10" ht="15" customHeight="1">
      <c r="B221" s="14" t="s">
        <v>82</v>
      </c>
      <c r="C221" s="21">
        <v>0</v>
      </c>
      <c r="D221" s="21">
        <v>0</v>
      </c>
      <c r="E221" s="21">
        <v>0</v>
      </c>
      <c r="F221" s="21">
        <v>0</v>
      </c>
      <c r="G221" s="21">
        <v>0</v>
      </c>
      <c r="H221" s="21">
        <v>0</v>
      </c>
      <c r="I221" s="21">
        <v>0</v>
      </c>
      <c r="J221" s="21">
        <v>0</v>
      </c>
    </row>
    <row r="222" spans="2:10" ht="15" customHeight="1">
      <c r="B222" s="5" t="s">
        <v>43</v>
      </c>
      <c r="C222" s="6">
        <v>6785</v>
      </c>
      <c r="D222" s="6">
        <v>17657</v>
      </c>
      <c r="E222" s="6">
        <v>26895</v>
      </c>
      <c r="F222" s="6">
        <v>72193</v>
      </c>
      <c r="G222" s="6">
        <v>33680</v>
      </c>
      <c r="H222" s="6">
        <v>89850</v>
      </c>
      <c r="I222" s="6">
        <v>3</v>
      </c>
      <c r="J222" s="6">
        <v>3</v>
      </c>
    </row>
    <row r="223" spans="2:10" ht="15" customHeight="1">
      <c r="B223" s="16" t="s">
        <v>75</v>
      </c>
      <c r="C223" s="20">
        <v>5299</v>
      </c>
      <c r="D223" s="20">
        <v>14425</v>
      </c>
      <c r="E223" s="20">
        <v>20628</v>
      </c>
      <c r="F223" s="20">
        <v>55527</v>
      </c>
      <c r="G223" s="20">
        <v>25927</v>
      </c>
      <c r="H223" s="20">
        <v>69952</v>
      </c>
      <c r="I223" s="20">
        <v>0</v>
      </c>
      <c r="J223" s="20">
        <v>0</v>
      </c>
    </row>
    <row r="224" spans="2:10" ht="15" customHeight="1">
      <c r="B224" s="7" t="s">
        <v>81</v>
      </c>
      <c r="C224" s="8">
        <v>5299</v>
      </c>
      <c r="D224" s="8">
        <v>14425</v>
      </c>
      <c r="E224" s="8">
        <v>20628</v>
      </c>
      <c r="F224" s="8">
        <v>55527</v>
      </c>
      <c r="G224" s="8">
        <v>25927</v>
      </c>
      <c r="H224" s="8">
        <v>69952</v>
      </c>
      <c r="I224" s="8">
        <v>0</v>
      </c>
      <c r="J224" s="8">
        <v>0</v>
      </c>
    </row>
    <row r="225" spans="2:10" ht="15" customHeight="1">
      <c r="B225" s="9" t="s">
        <v>77</v>
      </c>
      <c r="C225" s="10">
        <v>4297</v>
      </c>
      <c r="D225" s="10">
        <v>12058</v>
      </c>
      <c r="E225" s="10">
        <v>14262</v>
      </c>
      <c r="F225" s="10">
        <v>39124</v>
      </c>
      <c r="G225" s="10">
        <v>18559</v>
      </c>
      <c r="H225" s="10">
        <v>51182</v>
      </c>
      <c r="I225" s="10">
        <v>0</v>
      </c>
      <c r="J225" s="10">
        <v>0</v>
      </c>
    </row>
    <row r="226" spans="2:10" ht="15" customHeight="1">
      <c r="B226" s="9" t="s">
        <v>78</v>
      </c>
      <c r="C226" s="10">
        <v>1002</v>
      </c>
      <c r="D226" s="10">
        <v>2367</v>
      </c>
      <c r="E226" s="10">
        <v>6366</v>
      </c>
      <c r="F226" s="10">
        <v>16403</v>
      </c>
      <c r="G226" s="10">
        <v>7368</v>
      </c>
      <c r="H226" s="10">
        <v>18770</v>
      </c>
      <c r="I226" s="10">
        <v>0</v>
      </c>
      <c r="J226" s="10">
        <v>0</v>
      </c>
    </row>
    <row r="227" spans="2:10" ht="15" customHeight="1">
      <c r="B227" s="7" t="s">
        <v>82</v>
      </c>
      <c r="C227" s="8">
        <v>0</v>
      </c>
      <c r="D227" s="8">
        <v>0</v>
      </c>
      <c r="E227" s="8">
        <v>0</v>
      </c>
      <c r="F227" s="8">
        <v>0</v>
      </c>
      <c r="G227" s="8">
        <v>0</v>
      </c>
      <c r="H227" s="8">
        <v>0</v>
      </c>
      <c r="I227" s="8">
        <v>0</v>
      </c>
      <c r="J227" s="8">
        <v>0</v>
      </c>
    </row>
    <row r="228" spans="2:10" ht="15" customHeight="1">
      <c r="B228" s="16" t="s">
        <v>80</v>
      </c>
      <c r="C228" s="20">
        <v>1486</v>
      </c>
      <c r="D228" s="20">
        <v>3232</v>
      </c>
      <c r="E228" s="20">
        <v>6267</v>
      </c>
      <c r="F228" s="20">
        <v>16666</v>
      </c>
      <c r="G228" s="20">
        <v>7753</v>
      </c>
      <c r="H228" s="20">
        <v>19898</v>
      </c>
      <c r="I228" s="20">
        <v>3</v>
      </c>
      <c r="J228" s="20">
        <v>3</v>
      </c>
    </row>
    <row r="229" spans="2:10" ht="15" customHeight="1">
      <c r="B229" s="14" t="s">
        <v>81</v>
      </c>
      <c r="C229" s="21">
        <v>1486</v>
      </c>
      <c r="D229" s="21">
        <v>3232</v>
      </c>
      <c r="E229" s="21">
        <v>6267</v>
      </c>
      <c r="F229" s="21">
        <v>16666</v>
      </c>
      <c r="G229" s="21">
        <v>7753</v>
      </c>
      <c r="H229" s="21">
        <v>19898</v>
      </c>
      <c r="I229" s="21">
        <v>3</v>
      </c>
      <c r="J229" s="21">
        <v>3</v>
      </c>
    </row>
    <row r="230" spans="2:10" ht="15" customHeight="1">
      <c r="B230" s="14" t="s">
        <v>82</v>
      </c>
      <c r="C230" s="21">
        <v>0</v>
      </c>
      <c r="D230" s="21">
        <v>0</v>
      </c>
      <c r="E230" s="21">
        <v>0</v>
      </c>
      <c r="F230" s="21">
        <v>0</v>
      </c>
      <c r="G230" s="21">
        <v>0</v>
      </c>
      <c r="H230" s="21">
        <v>0</v>
      </c>
      <c r="I230" s="21">
        <v>0</v>
      </c>
      <c r="J230" s="21">
        <v>0</v>
      </c>
    </row>
    <row r="231" spans="2:10" ht="15" customHeight="1">
      <c r="B231" s="5" t="s">
        <v>44</v>
      </c>
      <c r="C231" s="6">
        <v>61809</v>
      </c>
      <c r="D231" s="6">
        <v>170907</v>
      </c>
      <c r="E231" s="6">
        <v>57193</v>
      </c>
      <c r="F231" s="6">
        <v>155120</v>
      </c>
      <c r="G231" s="6">
        <v>119002</v>
      </c>
      <c r="H231" s="6">
        <v>326027</v>
      </c>
      <c r="I231" s="6">
        <v>26833</v>
      </c>
      <c r="J231" s="6">
        <v>77622</v>
      </c>
    </row>
    <row r="232" spans="2:10" ht="15" customHeight="1">
      <c r="B232" s="16" t="s">
        <v>75</v>
      </c>
      <c r="C232" s="20">
        <v>61809</v>
      </c>
      <c r="D232" s="20">
        <v>169574</v>
      </c>
      <c r="E232" s="20">
        <v>57138</v>
      </c>
      <c r="F232" s="20">
        <v>153591</v>
      </c>
      <c r="G232" s="20">
        <v>118947</v>
      </c>
      <c r="H232" s="20">
        <v>323165</v>
      </c>
      <c r="I232" s="20">
        <v>26833</v>
      </c>
      <c r="J232" s="20">
        <v>77022</v>
      </c>
    </row>
    <row r="233" spans="2:10" ht="15" customHeight="1">
      <c r="B233" s="7" t="s">
        <v>81</v>
      </c>
      <c r="C233" s="8">
        <v>61809</v>
      </c>
      <c r="D233" s="8">
        <v>169574</v>
      </c>
      <c r="E233" s="8">
        <v>57138</v>
      </c>
      <c r="F233" s="8">
        <v>153591</v>
      </c>
      <c r="G233" s="8">
        <v>118947</v>
      </c>
      <c r="H233" s="8">
        <v>323165</v>
      </c>
      <c r="I233" s="8">
        <v>26833</v>
      </c>
      <c r="J233" s="8">
        <v>77022</v>
      </c>
    </row>
    <row r="234" spans="2:10" ht="15" customHeight="1">
      <c r="B234" s="9" t="s">
        <v>77</v>
      </c>
      <c r="C234" s="10">
        <v>9308</v>
      </c>
      <c r="D234" s="10">
        <v>16786</v>
      </c>
      <c r="E234" s="10">
        <v>11061</v>
      </c>
      <c r="F234" s="10">
        <v>16570</v>
      </c>
      <c r="G234" s="10">
        <v>20369</v>
      </c>
      <c r="H234" s="10">
        <v>33356</v>
      </c>
      <c r="I234" s="10">
        <v>7633</v>
      </c>
      <c r="J234" s="10">
        <v>9082</v>
      </c>
    </row>
    <row r="235" spans="2:10" ht="15" customHeight="1">
      <c r="B235" s="9" t="s">
        <v>78</v>
      </c>
      <c r="C235" s="10">
        <v>52501</v>
      </c>
      <c r="D235" s="10">
        <v>152788</v>
      </c>
      <c r="E235" s="10">
        <v>46077</v>
      </c>
      <c r="F235" s="10">
        <v>137021</v>
      </c>
      <c r="G235" s="10">
        <v>98578</v>
      </c>
      <c r="H235" s="10">
        <v>289809</v>
      </c>
      <c r="I235" s="10">
        <v>19200</v>
      </c>
      <c r="J235" s="10">
        <v>67940</v>
      </c>
    </row>
    <row r="236" spans="2:10" ht="15" customHeight="1">
      <c r="B236" s="7" t="s">
        <v>82</v>
      </c>
      <c r="C236" s="8">
        <v>0</v>
      </c>
      <c r="D236" s="8">
        <v>0</v>
      </c>
      <c r="E236" s="8">
        <v>0</v>
      </c>
      <c r="F236" s="8">
        <v>0</v>
      </c>
      <c r="G236" s="8">
        <v>0</v>
      </c>
      <c r="H236" s="8">
        <v>0</v>
      </c>
      <c r="I236" s="8">
        <v>0</v>
      </c>
      <c r="J236" s="8">
        <v>0</v>
      </c>
    </row>
    <row r="237" spans="2:10" ht="15" customHeight="1">
      <c r="B237" s="16" t="s">
        <v>80</v>
      </c>
      <c r="C237" s="20">
        <v>0</v>
      </c>
      <c r="D237" s="20">
        <v>1333</v>
      </c>
      <c r="E237" s="20">
        <v>55</v>
      </c>
      <c r="F237" s="20">
        <v>1529</v>
      </c>
      <c r="G237" s="20">
        <v>55</v>
      </c>
      <c r="H237" s="20">
        <v>2862</v>
      </c>
      <c r="I237" s="20">
        <v>0</v>
      </c>
      <c r="J237" s="20">
        <v>600</v>
      </c>
    </row>
    <row r="238" spans="2:10" ht="15" customHeight="1">
      <c r="B238" s="14" t="s">
        <v>81</v>
      </c>
      <c r="C238" s="21">
        <v>0</v>
      </c>
      <c r="D238" s="21">
        <v>1333</v>
      </c>
      <c r="E238" s="21">
        <v>55</v>
      </c>
      <c r="F238" s="21">
        <v>1529</v>
      </c>
      <c r="G238" s="21">
        <v>55</v>
      </c>
      <c r="H238" s="21">
        <v>2862</v>
      </c>
      <c r="I238" s="21">
        <v>0</v>
      </c>
      <c r="J238" s="21">
        <v>600</v>
      </c>
    </row>
    <row r="239" spans="2:10" ht="15" customHeight="1">
      <c r="B239" s="14" t="s">
        <v>82</v>
      </c>
      <c r="C239" s="21">
        <v>0</v>
      </c>
      <c r="D239" s="21">
        <v>0</v>
      </c>
      <c r="E239" s="21">
        <v>0</v>
      </c>
      <c r="F239" s="21">
        <v>0</v>
      </c>
      <c r="G239" s="21">
        <v>0</v>
      </c>
      <c r="H239" s="21">
        <v>0</v>
      </c>
      <c r="I239" s="21">
        <v>0</v>
      </c>
      <c r="J239" s="21">
        <v>0</v>
      </c>
    </row>
    <row r="240" spans="2:10" ht="15" customHeight="1">
      <c r="B240" s="5" t="s">
        <v>45</v>
      </c>
      <c r="C240" s="6">
        <v>11606</v>
      </c>
      <c r="D240" s="6">
        <v>30787</v>
      </c>
      <c r="E240" s="6">
        <v>45802</v>
      </c>
      <c r="F240" s="6">
        <v>123988</v>
      </c>
      <c r="G240" s="6">
        <v>57408</v>
      </c>
      <c r="H240" s="6">
        <v>154775</v>
      </c>
      <c r="I240" s="6">
        <v>3685</v>
      </c>
      <c r="J240" s="6">
        <v>11499</v>
      </c>
    </row>
    <row r="241" spans="2:10" ht="15" customHeight="1">
      <c r="B241" s="16" t="s">
        <v>75</v>
      </c>
      <c r="C241" s="20">
        <v>11556</v>
      </c>
      <c r="D241" s="20">
        <v>30537</v>
      </c>
      <c r="E241" s="20">
        <v>45471</v>
      </c>
      <c r="F241" s="20">
        <v>123007</v>
      </c>
      <c r="G241" s="20">
        <v>57027</v>
      </c>
      <c r="H241" s="20">
        <v>153544</v>
      </c>
      <c r="I241" s="20">
        <v>3685</v>
      </c>
      <c r="J241" s="20">
        <v>11499</v>
      </c>
    </row>
    <row r="242" spans="2:10" ht="15" customHeight="1">
      <c r="B242" s="7" t="s">
        <v>81</v>
      </c>
      <c r="C242" s="8">
        <v>11556</v>
      </c>
      <c r="D242" s="8">
        <v>30537</v>
      </c>
      <c r="E242" s="8">
        <v>45471</v>
      </c>
      <c r="F242" s="8">
        <v>123007</v>
      </c>
      <c r="G242" s="8">
        <v>57027</v>
      </c>
      <c r="H242" s="8">
        <v>153544</v>
      </c>
      <c r="I242" s="8">
        <v>3685</v>
      </c>
      <c r="J242" s="8">
        <v>11499</v>
      </c>
    </row>
    <row r="243" spans="2:10" ht="15" customHeight="1">
      <c r="B243" s="9" t="s">
        <v>77</v>
      </c>
      <c r="C243" s="10">
        <v>11556</v>
      </c>
      <c r="D243" s="10">
        <v>30537</v>
      </c>
      <c r="E243" s="10">
        <v>45471</v>
      </c>
      <c r="F243" s="10">
        <v>122905</v>
      </c>
      <c r="G243" s="10">
        <v>57027</v>
      </c>
      <c r="H243" s="10">
        <v>153442</v>
      </c>
      <c r="I243" s="10">
        <v>3685</v>
      </c>
      <c r="J243" s="10">
        <v>11499</v>
      </c>
    </row>
    <row r="244" spans="2:10" ht="15" customHeight="1">
      <c r="B244" s="9" t="s">
        <v>78</v>
      </c>
      <c r="C244" s="10">
        <v>0</v>
      </c>
      <c r="D244" s="10">
        <v>0</v>
      </c>
      <c r="E244" s="10">
        <v>0</v>
      </c>
      <c r="F244" s="10">
        <v>102</v>
      </c>
      <c r="G244" s="10">
        <v>0</v>
      </c>
      <c r="H244" s="10">
        <v>102</v>
      </c>
      <c r="I244" s="10">
        <v>0</v>
      </c>
      <c r="J244" s="10">
        <v>0</v>
      </c>
    </row>
    <row r="245" spans="2:10" ht="15" customHeight="1">
      <c r="B245" s="7" t="s">
        <v>82</v>
      </c>
      <c r="C245" s="8">
        <v>0</v>
      </c>
      <c r="D245" s="8">
        <v>0</v>
      </c>
      <c r="E245" s="8">
        <v>0</v>
      </c>
      <c r="F245" s="8">
        <v>0</v>
      </c>
      <c r="G245" s="8">
        <v>0</v>
      </c>
      <c r="H245" s="8">
        <v>0</v>
      </c>
      <c r="I245" s="8">
        <v>0</v>
      </c>
      <c r="J245" s="8">
        <v>0</v>
      </c>
    </row>
    <row r="246" spans="2:10" ht="15" customHeight="1">
      <c r="B246" s="16" t="s">
        <v>80</v>
      </c>
      <c r="C246" s="20">
        <v>50</v>
      </c>
      <c r="D246" s="20">
        <v>250</v>
      </c>
      <c r="E246" s="20">
        <v>331</v>
      </c>
      <c r="F246" s="20">
        <v>981</v>
      </c>
      <c r="G246" s="20">
        <v>381</v>
      </c>
      <c r="H246" s="20">
        <v>1231</v>
      </c>
      <c r="I246" s="20">
        <v>0</v>
      </c>
      <c r="J246" s="20">
        <v>0</v>
      </c>
    </row>
    <row r="247" spans="2:10" ht="15" customHeight="1">
      <c r="B247" s="14" t="s">
        <v>81</v>
      </c>
      <c r="C247" s="21">
        <v>50</v>
      </c>
      <c r="D247" s="21">
        <v>250</v>
      </c>
      <c r="E247" s="21">
        <v>331</v>
      </c>
      <c r="F247" s="21">
        <v>981</v>
      </c>
      <c r="G247" s="21">
        <v>381</v>
      </c>
      <c r="H247" s="21">
        <v>1231</v>
      </c>
      <c r="I247" s="21">
        <v>0</v>
      </c>
      <c r="J247" s="21">
        <v>0</v>
      </c>
    </row>
    <row r="248" spans="2:10" ht="15" customHeight="1">
      <c r="B248" s="14" t="s">
        <v>82</v>
      </c>
      <c r="C248" s="21">
        <v>0</v>
      </c>
      <c r="D248" s="21">
        <v>0</v>
      </c>
      <c r="E248" s="21">
        <v>0</v>
      </c>
      <c r="F248" s="21">
        <v>0</v>
      </c>
      <c r="G248" s="21">
        <v>0</v>
      </c>
      <c r="H248" s="21">
        <v>0</v>
      </c>
      <c r="I248" s="21">
        <v>0</v>
      </c>
      <c r="J248" s="21">
        <v>0</v>
      </c>
    </row>
    <row r="249" spans="2:10" ht="15" customHeight="1">
      <c r="B249" s="5" t="s">
        <v>46</v>
      </c>
      <c r="C249" s="6">
        <v>140</v>
      </c>
      <c r="D249" s="6">
        <v>1029</v>
      </c>
      <c r="E249" s="6">
        <v>330</v>
      </c>
      <c r="F249" s="6">
        <v>330</v>
      </c>
      <c r="G249" s="6">
        <v>470</v>
      </c>
      <c r="H249" s="6">
        <v>1359</v>
      </c>
      <c r="I249" s="6">
        <v>0</v>
      </c>
      <c r="J249" s="6">
        <v>0</v>
      </c>
    </row>
    <row r="250" spans="2:10" ht="15" customHeight="1">
      <c r="B250" s="16" t="s">
        <v>75</v>
      </c>
      <c r="C250" s="20">
        <v>0</v>
      </c>
      <c r="D250" s="20">
        <v>0</v>
      </c>
      <c r="E250" s="20">
        <v>0</v>
      </c>
      <c r="F250" s="20">
        <v>0</v>
      </c>
      <c r="G250" s="20">
        <v>0</v>
      </c>
      <c r="H250" s="20">
        <v>0</v>
      </c>
      <c r="I250" s="20">
        <v>0</v>
      </c>
      <c r="J250" s="20">
        <v>0</v>
      </c>
    </row>
    <row r="251" spans="2:10" ht="15" customHeight="1">
      <c r="B251" s="7" t="s">
        <v>81</v>
      </c>
      <c r="C251" s="8">
        <v>0</v>
      </c>
      <c r="D251" s="8">
        <v>0</v>
      </c>
      <c r="E251" s="8">
        <v>0</v>
      </c>
      <c r="F251" s="8">
        <v>0</v>
      </c>
      <c r="G251" s="8">
        <v>0</v>
      </c>
      <c r="H251" s="8">
        <v>0</v>
      </c>
      <c r="I251" s="8">
        <v>0</v>
      </c>
      <c r="J251" s="8">
        <v>0</v>
      </c>
    </row>
    <row r="252" spans="2:10" ht="15" customHeight="1">
      <c r="B252" s="9" t="s">
        <v>77</v>
      </c>
      <c r="C252" s="10">
        <v>0</v>
      </c>
      <c r="D252" s="10">
        <v>0</v>
      </c>
      <c r="E252" s="10">
        <v>0</v>
      </c>
      <c r="F252" s="10">
        <v>0</v>
      </c>
      <c r="G252" s="10">
        <v>0</v>
      </c>
      <c r="H252" s="10">
        <v>0</v>
      </c>
      <c r="I252" s="10">
        <v>0</v>
      </c>
      <c r="J252" s="10">
        <v>0</v>
      </c>
    </row>
    <row r="253" spans="2:10" ht="15" customHeight="1">
      <c r="B253" s="9" t="s">
        <v>78</v>
      </c>
      <c r="C253" s="10">
        <v>0</v>
      </c>
      <c r="D253" s="10">
        <v>0</v>
      </c>
      <c r="E253" s="10">
        <v>0</v>
      </c>
      <c r="F253" s="10">
        <v>0</v>
      </c>
      <c r="G253" s="10">
        <v>0</v>
      </c>
      <c r="H253" s="10">
        <v>0</v>
      </c>
      <c r="I253" s="10">
        <v>0</v>
      </c>
      <c r="J253" s="10">
        <v>0</v>
      </c>
    </row>
    <row r="254" spans="2:10" ht="15" customHeight="1">
      <c r="B254" s="7" t="s">
        <v>82</v>
      </c>
      <c r="C254" s="8">
        <v>0</v>
      </c>
      <c r="D254" s="8">
        <v>0</v>
      </c>
      <c r="E254" s="8">
        <v>0</v>
      </c>
      <c r="F254" s="8">
        <v>0</v>
      </c>
      <c r="G254" s="8">
        <v>0</v>
      </c>
      <c r="H254" s="8">
        <v>0</v>
      </c>
      <c r="I254" s="8">
        <v>0</v>
      </c>
      <c r="J254" s="8">
        <v>0</v>
      </c>
    </row>
    <row r="255" spans="2:10" ht="15" customHeight="1">
      <c r="B255" s="16" t="s">
        <v>80</v>
      </c>
      <c r="C255" s="20">
        <v>140</v>
      </c>
      <c r="D255" s="20">
        <v>1029</v>
      </c>
      <c r="E255" s="20">
        <v>330</v>
      </c>
      <c r="F255" s="20">
        <v>330</v>
      </c>
      <c r="G255" s="20">
        <v>470</v>
      </c>
      <c r="H255" s="20">
        <v>1359</v>
      </c>
      <c r="I255" s="20">
        <v>0</v>
      </c>
      <c r="J255" s="20">
        <v>0</v>
      </c>
    </row>
    <row r="256" spans="2:10" ht="15" customHeight="1">
      <c r="B256" s="14" t="s">
        <v>81</v>
      </c>
      <c r="C256" s="21">
        <v>140</v>
      </c>
      <c r="D256" s="21">
        <v>1029</v>
      </c>
      <c r="E256" s="21">
        <v>330</v>
      </c>
      <c r="F256" s="21">
        <v>330</v>
      </c>
      <c r="G256" s="21">
        <v>470</v>
      </c>
      <c r="H256" s="21">
        <v>1359</v>
      </c>
      <c r="I256" s="21">
        <v>0</v>
      </c>
      <c r="J256" s="21">
        <v>0</v>
      </c>
    </row>
    <row r="257" spans="2:10" ht="15" customHeight="1">
      <c r="B257" s="14" t="s">
        <v>82</v>
      </c>
      <c r="C257" s="21">
        <v>0</v>
      </c>
      <c r="D257" s="21">
        <v>0</v>
      </c>
      <c r="E257" s="21">
        <v>0</v>
      </c>
      <c r="F257" s="21">
        <v>0</v>
      </c>
      <c r="G257" s="21">
        <v>0</v>
      </c>
      <c r="H257" s="21">
        <v>0</v>
      </c>
      <c r="I257" s="21">
        <v>0</v>
      </c>
      <c r="J257" s="21">
        <v>0</v>
      </c>
    </row>
    <row r="258" spans="2:10" ht="15" customHeight="1">
      <c r="B258" s="5" t="s">
        <v>47</v>
      </c>
      <c r="C258" s="6">
        <v>11201</v>
      </c>
      <c r="D258" s="6">
        <v>41998</v>
      </c>
      <c r="E258" s="6">
        <v>11556</v>
      </c>
      <c r="F258" s="6">
        <v>40205</v>
      </c>
      <c r="G258" s="6">
        <v>22757</v>
      </c>
      <c r="H258" s="6">
        <v>82203</v>
      </c>
      <c r="I258" s="6">
        <v>0</v>
      </c>
      <c r="J258" s="6">
        <v>0</v>
      </c>
    </row>
    <row r="259" spans="2:10" ht="15" customHeight="1">
      <c r="B259" s="16" t="s">
        <v>75</v>
      </c>
      <c r="C259" s="20">
        <v>10345</v>
      </c>
      <c r="D259" s="20">
        <v>38860</v>
      </c>
      <c r="E259" s="20">
        <v>11556</v>
      </c>
      <c r="F259" s="20">
        <v>38621</v>
      </c>
      <c r="G259" s="20">
        <v>21901</v>
      </c>
      <c r="H259" s="20">
        <v>77481</v>
      </c>
      <c r="I259" s="20">
        <v>0</v>
      </c>
      <c r="J259" s="20">
        <v>0</v>
      </c>
    </row>
    <row r="260" spans="2:10" ht="15" customHeight="1">
      <c r="B260" s="7" t="s">
        <v>81</v>
      </c>
      <c r="C260" s="8">
        <v>10345</v>
      </c>
      <c r="D260" s="8">
        <v>38860</v>
      </c>
      <c r="E260" s="8">
        <v>11556</v>
      </c>
      <c r="F260" s="8">
        <v>38621</v>
      </c>
      <c r="G260" s="8">
        <v>21901</v>
      </c>
      <c r="H260" s="8">
        <v>77481</v>
      </c>
      <c r="I260" s="8">
        <v>0</v>
      </c>
      <c r="J260" s="8">
        <v>0</v>
      </c>
    </row>
    <row r="261" spans="2:10" ht="15" customHeight="1">
      <c r="B261" s="9" t="s">
        <v>77</v>
      </c>
      <c r="C261" s="10">
        <v>10345</v>
      </c>
      <c r="D261" s="10">
        <v>38860</v>
      </c>
      <c r="E261" s="10">
        <v>11556</v>
      </c>
      <c r="F261" s="10">
        <v>38621</v>
      </c>
      <c r="G261" s="10">
        <v>21901</v>
      </c>
      <c r="H261" s="10">
        <v>77481</v>
      </c>
      <c r="I261" s="10">
        <v>0</v>
      </c>
      <c r="J261" s="10">
        <v>0</v>
      </c>
    </row>
    <row r="262" spans="2:10" ht="15" customHeight="1">
      <c r="B262" s="9" t="s">
        <v>78</v>
      </c>
      <c r="C262" s="10">
        <v>0</v>
      </c>
      <c r="D262" s="10">
        <v>0</v>
      </c>
      <c r="E262" s="10">
        <v>0</v>
      </c>
      <c r="F262" s="10">
        <v>0</v>
      </c>
      <c r="G262" s="10">
        <v>0</v>
      </c>
      <c r="H262" s="10">
        <v>0</v>
      </c>
      <c r="I262" s="10">
        <v>0</v>
      </c>
      <c r="J262" s="10">
        <v>0</v>
      </c>
    </row>
    <row r="263" spans="2:10" ht="15" customHeight="1">
      <c r="B263" s="7" t="s">
        <v>82</v>
      </c>
      <c r="C263" s="8">
        <v>0</v>
      </c>
      <c r="D263" s="8">
        <v>0</v>
      </c>
      <c r="E263" s="8">
        <v>0</v>
      </c>
      <c r="F263" s="8">
        <v>0</v>
      </c>
      <c r="G263" s="8">
        <v>0</v>
      </c>
      <c r="H263" s="8">
        <v>0</v>
      </c>
      <c r="I263" s="8">
        <v>0</v>
      </c>
      <c r="J263" s="8">
        <v>0</v>
      </c>
    </row>
    <row r="264" spans="2:10" ht="15" customHeight="1">
      <c r="B264" s="16" t="s">
        <v>80</v>
      </c>
      <c r="C264" s="20">
        <v>856</v>
      </c>
      <c r="D264" s="20">
        <v>3138</v>
      </c>
      <c r="E264" s="20">
        <v>0</v>
      </c>
      <c r="F264" s="20">
        <v>1584</v>
      </c>
      <c r="G264" s="20">
        <v>856</v>
      </c>
      <c r="H264" s="20">
        <v>4722</v>
      </c>
      <c r="I264" s="20">
        <v>0</v>
      </c>
      <c r="J264" s="20">
        <v>0</v>
      </c>
    </row>
    <row r="265" spans="2:10" ht="15" customHeight="1">
      <c r="B265" s="14" t="s">
        <v>81</v>
      </c>
      <c r="C265" s="21">
        <v>856</v>
      </c>
      <c r="D265" s="21">
        <v>3138</v>
      </c>
      <c r="E265" s="21">
        <v>0</v>
      </c>
      <c r="F265" s="21">
        <v>1584</v>
      </c>
      <c r="G265" s="21">
        <v>856</v>
      </c>
      <c r="H265" s="21">
        <v>4722</v>
      </c>
      <c r="I265" s="21">
        <v>0</v>
      </c>
      <c r="J265" s="21">
        <v>0</v>
      </c>
    </row>
    <row r="266" spans="2:10" ht="15" customHeight="1">
      <c r="B266" s="14" t="s">
        <v>82</v>
      </c>
      <c r="C266" s="21">
        <v>0</v>
      </c>
      <c r="D266" s="21">
        <v>0</v>
      </c>
      <c r="E266" s="21">
        <v>0</v>
      </c>
      <c r="F266" s="21">
        <v>0</v>
      </c>
      <c r="G266" s="21">
        <v>0</v>
      </c>
      <c r="H266" s="21">
        <v>0</v>
      </c>
      <c r="I266" s="21">
        <v>0</v>
      </c>
      <c r="J266" s="21">
        <v>0</v>
      </c>
    </row>
    <row r="267" spans="2:10" ht="15" customHeight="1">
      <c r="B267" s="5" t="s">
        <v>48</v>
      </c>
      <c r="C267" s="6">
        <v>42888</v>
      </c>
      <c r="D267" s="6">
        <v>137266</v>
      </c>
      <c r="E267" s="6">
        <v>154323</v>
      </c>
      <c r="F267" s="6">
        <v>429943</v>
      </c>
      <c r="G267" s="6">
        <v>197211</v>
      </c>
      <c r="H267" s="6">
        <v>567209</v>
      </c>
      <c r="I267" s="6">
        <v>13484</v>
      </c>
      <c r="J267" s="6">
        <v>48586</v>
      </c>
    </row>
    <row r="268" spans="2:10" ht="15" customHeight="1">
      <c r="B268" s="16" t="s">
        <v>75</v>
      </c>
      <c r="C268" s="20">
        <v>41419</v>
      </c>
      <c r="D268" s="20">
        <v>135381</v>
      </c>
      <c r="E268" s="20">
        <v>153403</v>
      </c>
      <c r="F268" s="20">
        <v>420256</v>
      </c>
      <c r="G268" s="20">
        <v>194822</v>
      </c>
      <c r="H268" s="20">
        <v>555637</v>
      </c>
      <c r="I268" s="20">
        <v>13484</v>
      </c>
      <c r="J268" s="20">
        <v>48319</v>
      </c>
    </row>
    <row r="269" spans="2:10" ht="15" customHeight="1">
      <c r="B269" s="7" t="s">
        <v>81</v>
      </c>
      <c r="C269" s="8">
        <v>41419</v>
      </c>
      <c r="D269" s="8">
        <v>135381</v>
      </c>
      <c r="E269" s="8">
        <v>152910</v>
      </c>
      <c r="F269" s="8">
        <v>419763</v>
      </c>
      <c r="G269" s="8">
        <v>194329</v>
      </c>
      <c r="H269" s="8">
        <v>555144</v>
      </c>
      <c r="I269" s="8">
        <v>13484</v>
      </c>
      <c r="J269" s="8">
        <v>48319</v>
      </c>
    </row>
    <row r="270" spans="2:10" ht="15" customHeight="1">
      <c r="B270" s="9" t="s">
        <v>77</v>
      </c>
      <c r="C270" s="10">
        <v>39404</v>
      </c>
      <c r="D270" s="10">
        <v>128549</v>
      </c>
      <c r="E270" s="10">
        <v>141398</v>
      </c>
      <c r="F270" s="10">
        <v>396508</v>
      </c>
      <c r="G270" s="10">
        <v>180802</v>
      </c>
      <c r="H270" s="10">
        <v>525057</v>
      </c>
      <c r="I270" s="10">
        <v>13484</v>
      </c>
      <c r="J270" s="10">
        <v>48319</v>
      </c>
    </row>
    <row r="271" spans="2:10" ht="15" customHeight="1">
      <c r="B271" s="9" t="s">
        <v>78</v>
      </c>
      <c r="C271" s="10">
        <v>2015</v>
      </c>
      <c r="D271" s="10">
        <v>6832</v>
      </c>
      <c r="E271" s="10">
        <v>11512</v>
      </c>
      <c r="F271" s="10">
        <v>23255</v>
      </c>
      <c r="G271" s="10">
        <v>13527</v>
      </c>
      <c r="H271" s="10">
        <v>30087</v>
      </c>
      <c r="I271" s="10">
        <v>0</v>
      </c>
      <c r="J271" s="10">
        <v>0</v>
      </c>
    </row>
    <row r="272" spans="2:10" ht="15" customHeight="1">
      <c r="B272" s="7" t="s">
        <v>82</v>
      </c>
      <c r="C272" s="8">
        <v>0</v>
      </c>
      <c r="D272" s="8">
        <v>0</v>
      </c>
      <c r="E272" s="8">
        <v>493</v>
      </c>
      <c r="F272" s="8">
        <v>493</v>
      </c>
      <c r="G272" s="8">
        <v>493</v>
      </c>
      <c r="H272" s="8">
        <v>493</v>
      </c>
      <c r="I272" s="8">
        <v>0</v>
      </c>
      <c r="J272" s="8">
        <v>0</v>
      </c>
    </row>
    <row r="273" spans="2:10" ht="15" customHeight="1">
      <c r="B273" s="16" t="s">
        <v>80</v>
      </c>
      <c r="C273" s="20">
        <v>1469</v>
      </c>
      <c r="D273" s="20">
        <v>1885</v>
      </c>
      <c r="E273" s="20">
        <v>920</v>
      </c>
      <c r="F273" s="20">
        <v>9687</v>
      </c>
      <c r="G273" s="20">
        <v>2389</v>
      </c>
      <c r="H273" s="20">
        <v>11572</v>
      </c>
      <c r="I273" s="20">
        <v>0</v>
      </c>
      <c r="J273" s="20">
        <v>267</v>
      </c>
    </row>
    <row r="274" spans="2:10" ht="15" customHeight="1">
      <c r="B274" s="14" t="s">
        <v>81</v>
      </c>
      <c r="C274" s="21">
        <v>1469</v>
      </c>
      <c r="D274" s="21">
        <v>1885</v>
      </c>
      <c r="E274" s="21">
        <v>920</v>
      </c>
      <c r="F274" s="21">
        <v>9687</v>
      </c>
      <c r="G274" s="21">
        <v>2389</v>
      </c>
      <c r="H274" s="21">
        <v>11572</v>
      </c>
      <c r="I274" s="21">
        <v>0</v>
      </c>
      <c r="J274" s="21">
        <v>267</v>
      </c>
    </row>
    <row r="275" spans="2:10" ht="15" customHeight="1">
      <c r="B275" s="14" t="s">
        <v>82</v>
      </c>
      <c r="C275" s="21">
        <v>0</v>
      </c>
      <c r="D275" s="21">
        <v>0</v>
      </c>
      <c r="E275" s="21">
        <v>0</v>
      </c>
      <c r="F275" s="21">
        <v>0</v>
      </c>
      <c r="G275" s="21">
        <v>0</v>
      </c>
      <c r="H275" s="21">
        <v>0</v>
      </c>
      <c r="I275" s="21">
        <v>0</v>
      </c>
      <c r="J275" s="21">
        <v>0</v>
      </c>
    </row>
    <row r="276" spans="2:10" ht="15" customHeight="1">
      <c r="B276" s="5" t="s">
        <v>49</v>
      </c>
      <c r="C276" s="6">
        <v>30864</v>
      </c>
      <c r="D276" s="6">
        <v>89640</v>
      </c>
      <c r="E276" s="6">
        <v>135531</v>
      </c>
      <c r="F276" s="6">
        <v>439475</v>
      </c>
      <c r="G276" s="6">
        <v>166395</v>
      </c>
      <c r="H276" s="6">
        <v>529115</v>
      </c>
      <c r="I276" s="6">
        <v>16297</v>
      </c>
      <c r="J276" s="6">
        <v>81091</v>
      </c>
    </row>
    <row r="277" spans="2:10" ht="15" customHeight="1">
      <c r="B277" s="16" t="s">
        <v>75</v>
      </c>
      <c r="C277" s="20">
        <v>27064</v>
      </c>
      <c r="D277" s="20">
        <v>82962</v>
      </c>
      <c r="E277" s="20">
        <v>134781</v>
      </c>
      <c r="F277" s="20">
        <v>432051</v>
      </c>
      <c r="G277" s="20">
        <v>161845</v>
      </c>
      <c r="H277" s="20">
        <v>515013</v>
      </c>
      <c r="I277" s="20">
        <v>16297</v>
      </c>
      <c r="J277" s="20">
        <v>77581</v>
      </c>
    </row>
    <row r="278" spans="2:10" ht="15" customHeight="1">
      <c r="B278" s="7" t="s">
        <v>81</v>
      </c>
      <c r="C278" s="8">
        <v>27064</v>
      </c>
      <c r="D278" s="8">
        <v>82962</v>
      </c>
      <c r="E278" s="8">
        <v>134781</v>
      </c>
      <c r="F278" s="8">
        <v>432051</v>
      </c>
      <c r="G278" s="8">
        <v>161845</v>
      </c>
      <c r="H278" s="8">
        <v>515013</v>
      </c>
      <c r="I278" s="8">
        <v>16297</v>
      </c>
      <c r="J278" s="8">
        <v>77581</v>
      </c>
    </row>
    <row r="279" spans="2:10" ht="15" customHeight="1">
      <c r="B279" s="9" t="s">
        <v>77</v>
      </c>
      <c r="C279" s="10">
        <v>27064</v>
      </c>
      <c r="D279" s="10">
        <v>82962</v>
      </c>
      <c r="E279" s="10">
        <v>134781</v>
      </c>
      <c r="F279" s="10">
        <v>432051</v>
      </c>
      <c r="G279" s="10">
        <v>161845</v>
      </c>
      <c r="H279" s="10">
        <v>515013</v>
      </c>
      <c r="I279" s="10">
        <v>16297</v>
      </c>
      <c r="J279" s="10">
        <v>77581</v>
      </c>
    </row>
    <row r="280" spans="2:10" ht="15" customHeight="1">
      <c r="B280" s="9" t="s">
        <v>78</v>
      </c>
      <c r="C280" s="10">
        <v>0</v>
      </c>
      <c r="D280" s="10">
        <v>0</v>
      </c>
      <c r="E280" s="10">
        <v>0</v>
      </c>
      <c r="F280" s="10">
        <v>0</v>
      </c>
      <c r="G280" s="10">
        <v>0</v>
      </c>
      <c r="H280" s="10">
        <v>0</v>
      </c>
      <c r="I280" s="10">
        <v>0</v>
      </c>
      <c r="J280" s="10">
        <v>0</v>
      </c>
    </row>
    <row r="281" spans="2:10" ht="15" customHeight="1">
      <c r="B281" s="7" t="s">
        <v>82</v>
      </c>
      <c r="C281" s="8">
        <v>0</v>
      </c>
      <c r="D281" s="8">
        <v>0</v>
      </c>
      <c r="E281" s="8">
        <v>0</v>
      </c>
      <c r="F281" s="8">
        <v>0</v>
      </c>
      <c r="G281" s="8">
        <v>0</v>
      </c>
      <c r="H281" s="8">
        <v>0</v>
      </c>
      <c r="I281" s="8">
        <v>0</v>
      </c>
      <c r="J281" s="8">
        <v>0</v>
      </c>
    </row>
    <row r="282" spans="2:10" ht="15" customHeight="1">
      <c r="B282" s="16" t="s">
        <v>80</v>
      </c>
      <c r="C282" s="20">
        <v>3800</v>
      </c>
      <c r="D282" s="20">
        <v>6678</v>
      </c>
      <c r="E282" s="20">
        <v>750</v>
      </c>
      <c r="F282" s="20">
        <v>7424</v>
      </c>
      <c r="G282" s="20">
        <v>4550</v>
      </c>
      <c r="H282" s="20">
        <v>14102</v>
      </c>
      <c r="I282" s="20">
        <v>0</v>
      </c>
      <c r="J282" s="20">
        <v>3510</v>
      </c>
    </row>
    <row r="283" spans="2:10" ht="15" customHeight="1">
      <c r="B283" s="14" t="s">
        <v>81</v>
      </c>
      <c r="C283" s="21">
        <v>3800</v>
      </c>
      <c r="D283" s="21">
        <v>6678</v>
      </c>
      <c r="E283" s="21">
        <v>750</v>
      </c>
      <c r="F283" s="21">
        <v>7424</v>
      </c>
      <c r="G283" s="21">
        <v>4550</v>
      </c>
      <c r="H283" s="21">
        <v>14102</v>
      </c>
      <c r="I283" s="21">
        <v>0</v>
      </c>
      <c r="J283" s="21">
        <v>3510</v>
      </c>
    </row>
    <row r="284" spans="2:10" ht="15" customHeight="1">
      <c r="B284" s="14" t="s">
        <v>82</v>
      </c>
      <c r="C284" s="21">
        <v>0</v>
      </c>
      <c r="D284" s="21">
        <v>0</v>
      </c>
      <c r="E284" s="21">
        <v>0</v>
      </c>
      <c r="F284" s="21">
        <v>0</v>
      </c>
      <c r="G284" s="21">
        <v>0</v>
      </c>
      <c r="H284" s="21">
        <v>0</v>
      </c>
      <c r="I284" s="21">
        <v>0</v>
      </c>
      <c r="J284" s="21">
        <v>0</v>
      </c>
    </row>
    <row r="285" spans="2:10" ht="15" customHeight="1">
      <c r="B285" s="5" t="s">
        <v>50</v>
      </c>
      <c r="C285" s="6">
        <v>0</v>
      </c>
      <c r="D285" s="6">
        <v>0</v>
      </c>
      <c r="E285" s="6">
        <v>0</v>
      </c>
      <c r="F285" s="6">
        <v>4</v>
      </c>
      <c r="G285" s="6">
        <v>0</v>
      </c>
      <c r="H285" s="6">
        <v>4</v>
      </c>
      <c r="I285" s="6">
        <v>0</v>
      </c>
      <c r="J285" s="6">
        <v>0</v>
      </c>
    </row>
    <row r="286" spans="2:10" ht="15" customHeight="1">
      <c r="B286" s="16" t="s">
        <v>75</v>
      </c>
      <c r="C286" s="20">
        <v>0</v>
      </c>
      <c r="D286" s="20">
        <v>0</v>
      </c>
      <c r="E286" s="20">
        <v>0</v>
      </c>
      <c r="F286" s="20">
        <v>0</v>
      </c>
      <c r="G286" s="20">
        <v>0</v>
      </c>
      <c r="H286" s="20">
        <v>0</v>
      </c>
      <c r="I286" s="20">
        <v>0</v>
      </c>
      <c r="J286" s="20">
        <v>0</v>
      </c>
    </row>
    <row r="287" spans="2:10" ht="15" customHeight="1">
      <c r="B287" s="7" t="s">
        <v>81</v>
      </c>
      <c r="C287" s="8">
        <v>0</v>
      </c>
      <c r="D287" s="8">
        <v>0</v>
      </c>
      <c r="E287" s="8">
        <v>0</v>
      </c>
      <c r="F287" s="8">
        <v>0</v>
      </c>
      <c r="G287" s="8">
        <v>0</v>
      </c>
      <c r="H287" s="8">
        <v>0</v>
      </c>
      <c r="I287" s="8">
        <v>0</v>
      </c>
      <c r="J287" s="8">
        <v>0</v>
      </c>
    </row>
    <row r="288" spans="2:10" ht="15" customHeight="1">
      <c r="B288" s="9" t="s">
        <v>77</v>
      </c>
      <c r="C288" s="10">
        <v>0</v>
      </c>
      <c r="D288" s="10">
        <v>0</v>
      </c>
      <c r="E288" s="10">
        <v>0</v>
      </c>
      <c r="F288" s="10">
        <v>0</v>
      </c>
      <c r="G288" s="10">
        <v>0</v>
      </c>
      <c r="H288" s="10">
        <v>0</v>
      </c>
      <c r="I288" s="10">
        <v>0</v>
      </c>
      <c r="J288" s="10">
        <v>0</v>
      </c>
    </row>
    <row r="289" spans="2:10" ht="15" customHeight="1">
      <c r="B289" s="9" t="s">
        <v>78</v>
      </c>
      <c r="C289" s="10">
        <v>0</v>
      </c>
      <c r="D289" s="10">
        <v>0</v>
      </c>
      <c r="E289" s="10">
        <v>0</v>
      </c>
      <c r="F289" s="10">
        <v>0</v>
      </c>
      <c r="G289" s="10">
        <v>0</v>
      </c>
      <c r="H289" s="10">
        <v>0</v>
      </c>
      <c r="I289" s="10">
        <v>0</v>
      </c>
      <c r="J289" s="10">
        <v>0</v>
      </c>
    </row>
    <row r="290" spans="2:10" ht="15" customHeight="1">
      <c r="B290" s="7" t="s">
        <v>82</v>
      </c>
      <c r="C290" s="8">
        <v>0</v>
      </c>
      <c r="D290" s="8">
        <v>0</v>
      </c>
      <c r="E290" s="8">
        <v>0</v>
      </c>
      <c r="F290" s="8">
        <v>0</v>
      </c>
      <c r="G290" s="8">
        <v>0</v>
      </c>
      <c r="H290" s="8">
        <v>0</v>
      </c>
      <c r="I290" s="8">
        <v>0</v>
      </c>
      <c r="J290" s="8">
        <v>0</v>
      </c>
    </row>
    <row r="291" spans="2:10" ht="15" customHeight="1">
      <c r="B291" s="16" t="s">
        <v>80</v>
      </c>
      <c r="C291" s="20">
        <v>0</v>
      </c>
      <c r="D291" s="20">
        <v>0</v>
      </c>
      <c r="E291" s="20">
        <v>0</v>
      </c>
      <c r="F291" s="20">
        <v>4</v>
      </c>
      <c r="G291" s="20">
        <v>0</v>
      </c>
      <c r="H291" s="20">
        <v>4</v>
      </c>
      <c r="I291" s="20">
        <v>0</v>
      </c>
      <c r="J291" s="20">
        <v>0</v>
      </c>
    </row>
    <row r="292" spans="2:10" ht="15" customHeight="1">
      <c r="B292" s="14" t="s">
        <v>81</v>
      </c>
      <c r="C292" s="21">
        <v>0</v>
      </c>
      <c r="D292" s="21">
        <v>0</v>
      </c>
      <c r="E292" s="21">
        <v>0</v>
      </c>
      <c r="F292" s="21">
        <v>4</v>
      </c>
      <c r="G292" s="21">
        <v>0</v>
      </c>
      <c r="H292" s="21">
        <v>4</v>
      </c>
      <c r="I292" s="21">
        <v>0</v>
      </c>
      <c r="J292" s="21">
        <v>0</v>
      </c>
    </row>
    <row r="293" spans="2:10" ht="15" customHeight="1">
      <c r="B293" s="14" t="s">
        <v>82</v>
      </c>
      <c r="C293" s="21">
        <v>0</v>
      </c>
      <c r="D293" s="21">
        <v>0</v>
      </c>
      <c r="E293" s="21">
        <v>0</v>
      </c>
      <c r="F293" s="21">
        <v>0</v>
      </c>
      <c r="G293" s="21">
        <v>0</v>
      </c>
      <c r="H293" s="21">
        <v>0</v>
      </c>
      <c r="I293" s="21">
        <v>0</v>
      </c>
      <c r="J293" s="21">
        <v>0</v>
      </c>
    </row>
    <row r="294" spans="2:10" ht="15" customHeight="1">
      <c r="B294" s="5" t="s">
        <v>51</v>
      </c>
      <c r="C294" s="6">
        <v>192764</v>
      </c>
      <c r="D294" s="6">
        <v>518400</v>
      </c>
      <c r="E294" s="6">
        <v>110634</v>
      </c>
      <c r="F294" s="6">
        <v>316068</v>
      </c>
      <c r="G294" s="6">
        <v>303398</v>
      </c>
      <c r="H294" s="6">
        <v>834468</v>
      </c>
      <c r="I294" s="6">
        <v>43244</v>
      </c>
      <c r="J294" s="6">
        <v>117629</v>
      </c>
    </row>
    <row r="295" spans="2:10" ht="15" customHeight="1">
      <c r="B295" s="16" t="s">
        <v>75</v>
      </c>
      <c r="C295" s="20">
        <v>190520</v>
      </c>
      <c r="D295" s="20">
        <v>505825</v>
      </c>
      <c r="E295" s="20">
        <v>106044</v>
      </c>
      <c r="F295" s="20">
        <v>310032</v>
      </c>
      <c r="G295" s="20">
        <v>296564</v>
      </c>
      <c r="H295" s="20">
        <v>815857</v>
      </c>
      <c r="I295" s="20">
        <v>43244</v>
      </c>
      <c r="J295" s="20">
        <v>117629</v>
      </c>
    </row>
    <row r="296" spans="2:10" ht="15" customHeight="1">
      <c r="B296" s="7" t="s">
        <v>81</v>
      </c>
      <c r="C296" s="8">
        <v>159041</v>
      </c>
      <c r="D296" s="8">
        <v>387124</v>
      </c>
      <c r="E296" s="8">
        <v>105165</v>
      </c>
      <c r="F296" s="8">
        <v>305910</v>
      </c>
      <c r="G296" s="8">
        <v>264206</v>
      </c>
      <c r="H296" s="8">
        <v>693034</v>
      </c>
      <c r="I296" s="8">
        <v>43244</v>
      </c>
      <c r="J296" s="8">
        <v>117629</v>
      </c>
    </row>
    <row r="297" spans="2:10" ht="15" customHeight="1">
      <c r="B297" s="9" t="s">
        <v>77</v>
      </c>
      <c r="C297" s="10">
        <v>159041</v>
      </c>
      <c r="D297" s="10">
        <v>387124</v>
      </c>
      <c r="E297" s="10">
        <v>105165</v>
      </c>
      <c r="F297" s="10">
        <v>305910</v>
      </c>
      <c r="G297" s="10">
        <v>264206</v>
      </c>
      <c r="H297" s="10">
        <v>693034</v>
      </c>
      <c r="I297" s="10">
        <v>43244</v>
      </c>
      <c r="J297" s="10">
        <v>117629</v>
      </c>
    </row>
    <row r="298" spans="2:10" ht="15" customHeight="1">
      <c r="B298" s="9" t="s">
        <v>78</v>
      </c>
      <c r="C298" s="10">
        <v>0</v>
      </c>
      <c r="D298" s="10">
        <v>0</v>
      </c>
      <c r="E298" s="10">
        <v>0</v>
      </c>
      <c r="F298" s="10">
        <v>0</v>
      </c>
      <c r="G298" s="10">
        <v>0</v>
      </c>
      <c r="H298" s="10">
        <v>0</v>
      </c>
      <c r="I298" s="10">
        <v>0</v>
      </c>
      <c r="J298" s="10">
        <v>0</v>
      </c>
    </row>
    <row r="299" spans="2:10" ht="15" customHeight="1">
      <c r="B299" s="7" t="s">
        <v>82</v>
      </c>
      <c r="C299" s="8">
        <v>31479</v>
      </c>
      <c r="D299" s="8">
        <v>118701</v>
      </c>
      <c r="E299" s="8">
        <v>879</v>
      </c>
      <c r="F299" s="8">
        <v>4122</v>
      </c>
      <c r="G299" s="8">
        <v>32358</v>
      </c>
      <c r="H299" s="8">
        <v>122823</v>
      </c>
      <c r="I299" s="8">
        <v>0</v>
      </c>
      <c r="J299" s="8">
        <v>0</v>
      </c>
    </row>
    <row r="300" spans="2:10" ht="15" customHeight="1">
      <c r="B300" s="16" t="s">
        <v>80</v>
      </c>
      <c r="C300" s="20">
        <v>2244</v>
      </c>
      <c r="D300" s="20">
        <v>12575</v>
      </c>
      <c r="E300" s="20">
        <v>4590</v>
      </c>
      <c r="F300" s="20">
        <v>6036</v>
      </c>
      <c r="G300" s="20">
        <v>6834</v>
      </c>
      <c r="H300" s="20">
        <v>18611</v>
      </c>
      <c r="I300" s="20">
        <v>0</v>
      </c>
      <c r="J300" s="20">
        <v>0</v>
      </c>
    </row>
    <row r="301" spans="2:10" ht="15" customHeight="1">
      <c r="B301" s="14" t="s">
        <v>81</v>
      </c>
      <c r="C301" s="21">
        <v>951</v>
      </c>
      <c r="D301" s="21">
        <v>11282</v>
      </c>
      <c r="E301" s="21">
        <v>4590</v>
      </c>
      <c r="F301" s="21">
        <v>5990</v>
      </c>
      <c r="G301" s="21">
        <v>5541</v>
      </c>
      <c r="H301" s="21">
        <v>17272</v>
      </c>
      <c r="I301" s="21">
        <v>0</v>
      </c>
      <c r="J301" s="21">
        <v>0</v>
      </c>
    </row>
    <row r="302" spans="2:10" ht="15" customHeight="1">
      <c r="B302" s="14" t="s">
        <v>82</v>
      </c>
      <c r="C302" s="21">
        <v>1293</v>
      </c>
      <c r="D302" s="21">
        <v>1293</v>
      </c>
      <c r="E302" s="21">
        <v>0</v>
      </c>
      <c r="F302" s="21">
        <v>46</v>
      </c>
      <c r="G302" s="21">
        <v>1293</v>
      </c>
      <c r="H302" s="21">
        <v>1339</v>
      </c>
      <c r="I302" s="21">
        <v>0</v>
      </c>
      <c r="J302" s="21">
        <v>0</v>
      </c>
    </row>
    <row r="303" spans="2:10" ht="15" customHeight="1">
      <c r="B303" s="5" t="s">
        <v>52</v>
      </c>
      <c r="C303" s="6">
        <v>882</v>
      </c>
      <c r="D303" s="6">
        <v>1234</v>
      </c>
      <c r="E303" s="6">
        <v>1114</v>
      </c>
      <c r="F303" s="6">
        <v>1902</v>
      </c>
      <c r="G303" s="6">
        <v>1996</v>
      </c>
      <c r="H303" s="6">
        <v>3136</v>
      </c>
      <c r="I303" s="6">
        <v>0</v>
      </c>
      <c r="J303" s="6">
        <v>0</v>
      </c>
    </row>
    <row r="304" spans="2:10" ht="15" customHeight="1">
      <c r="B304" s="16" t="s">
        <v>75</v>
      </c>
      <c r="C304" s="20">
        <v>772</v>
      </c>
      <c r="D304" s="20">
        <v>874</v>
      </c>
      <c r="E304" s="20">
        <v>0</v>
      </c>
      <c r="F304" s="20">
        <v>238</v>
      </c>
      <c r="G304" s="20">
        <v>772</v>
      </c>
      <c r="H304" s="20">
        <v>1112</v>
      </c>
      <c r="I304" s="20">
        <v>0</v>
      </c>
      <c r="J304" s="20">
        <v>0</v>
      </c>
    </row>
    <row r="305" spans="2:10" ht="15" customHeight="1">
      <c r="B305" s="7" t="s">
        <v>81</v>
      </c>
      <c r="C305" s="8">
        <v>772</v>
      </c>
      <c r="D305" s="8">
        <v>874</v>
      </c>
      <c r="E305" s="8">
        <v>0</v>
      </c>
      <c r="F305" s="8">
        <v>238</v>
      </c>
      <c r="G305" s="8">
        <v>772</v>
      </c>
      <c r="H305" s="8">
        <v>1112</v>
      </c>
      <c r="I305" s="8">
        <v>0</v>
      </c>
      <c r="J305" s="8">
        <v>0</v>
      </c>
    </row>
    <row r="306" spans="2:10" ht="15" customHeight="1">
      <c r="B306" s="9" t="s">
        <v>77</v>
      </c>
      <c r="C306" s="10">
        <v>772</v>
      </c>
      <c r="D306" s="10">
        <v>874</v>
      </c>
      <c r="E306" s="10">
        <v>0</v>
      </c>
      <c r="F306" s="10">
        <v>238</v>
      </c>
      <c r="G306" s="10">
        <v>772</v>
      </c>
      <c r="H306" s="10">
        <v>1112</v>
      </c>
      <c r="I306" s="10">
        <v>0</v>
      </c>
      <c r="J306" s="10">
        <v>0</v>
      </c>
    </row>
    <row r="307" spans="2:10" ht="15" customHeight="1">
      <c r="B307" s="9" t="s">
        <v>78</v>
      </c>
      <c r="C307" s="10">
        <v>0</v>
      </c>
      <c r="D307" s="10">
        <v>0</v>
      </c>
      <c r="E307" s="10">
        <v>0</v>
      </c>
      <c r="F307" s="10">
        <v>0</v>
      </c>
      <c r="G307" s="10">
        <v>0</v>
      </c>
      <c r="H307" s="10">
        <v>0</v>
      </c>
      <c r="I307" s="10">
        <v>0</v>
      </c>
      <c r="J307" s="10">
        <v>0</v>
      </c>
    </row>
    <row r="308" spans="2:10" ht="15" customHeight="1">
      <c r="B308" s="7" t="s">
        <v>82</v>
      </c>
      <c r="C308" s="8">
        <v>0</v>
      </c>
      <c r="D308" s="8">
        <v>0</v>
      </c>
      <c r="E308" s="8">
        <v>0</v>
      </c>
      <c r="F308" s="8">
        <v>0</v>
      </c>
      <c r="G308" s="8">
        <v>0</v>
      </c>
      <c r="H308" s="8">
        <v>0</v>
      </c>
      <c r="I308" s="8">
        <v>0</v>
      </c>
      <c r="J308" s="8">
        <v>0</v>
      </c>
    </row>
    <row r="309" spans="2:10" ht="15" customHeight="1">
      <c r="B309" s="16" t="s">
        <v>80</v>
      </c>
      <c r="C309" s="20">
        <v>110</v>
      </c>
      <c r="D309" s="20">
        <v>360</v>
      </c>
      <c r="E309" s="20">
        <v>1114</v>
      </c>
      <c r="F309" s="20">
        <v>1664</v>
      </c>
      <c r="G309" s="20">
        <v>1224</v>
      </c>
      <c r="H309" s="20">
        <v>2024</v>
      </c>
      <c r="I309" s="20">
        <v>0</v>
      </c>
      <c r="J309" s="20">
        <v>0</v>
      </c>
    </row>
    <row r="310" spans="2:10" ht="15" customHeight="1">
      <c r="B310" s="14" t="s">
        <v>81</v>
      </c>
      <c r="C310" s="21">
        <v>110</v>
      </c>
      <c r="D310" s="21">
        <v>360</v>
      </c>
      <c r="E310" s="21">
        <v>1114</v>
      </c>
      <c r="F310" s="21">
        <v>1664</v>
      </c>
      <c r="G310" s="21">
        <v>1224</v>
      </c>
      <c r="H310" s="21">
        <v>2024</v>
      </c>
      <c r="I310" s="21">
        <v>0</v>
      </c>
      <c r="J310" s="21">
        <v>0</v>
      </c>
    </row>
    <row r="311" spans="2:10" ht="15" customHeight="1">
      <c r="B311" s="14" t="s">
        <v>82</v>
      </c>
      <c r="C311" s="21">
        <v>0</v>
      </c>
      <c r="D311" s="21">
        <v>0</v>
      </c>
      <c r="E311" s="21">
        <v>0</v>
      </c>
      <c r="F311" s="21">
        <v>0</v>
      </c>
      <c r="G311" s="21">
        <v>0</v>
      </c>
      <c r="H311" s="21">
        <v>0</v>
      </c>
      <c r="I311" s="21">
        <v>0</v>
      </c>
      <c r="J311" s="21">
        <v>0</v>
      </c>
    </row>
    <row r="312" spans="2:10" ht="15" customHeight="1">
      <c r="B312" s="5" t="s">
        <v>53</v>
      </c>
      <c r="C312" s="6">
        <v>86346</v>
      </c>
      <c r="D312" s="6">
        <v>241914</v>
      </c>
      <c r="E312" s="6">
        <v>124798</v>
      </c>
      <c r="F312" s="6">
        <v>371198</v>
      </c>
      <c r="G312" s="6">
        <v>211144</v>
      </c>
      <c r="H312" s="6">
        <v>613112</v>
      </c>
      <c r="I312" s="6">
        <v>0</v>
      </c>
      <c r="J312" s="6">
        <v>0</v>
      </c>
    </row>
    <row r="313" spans="2:10" ht="15" customHeight="1">
      <c r="B313" s="16" t="s">
        <v>75</v>
      </c>
      <c r="C313" s="20">
        <v>86346</v>
      </c>
      <c r="D313" s="20">
        <v>241749</v>
      </c>
      <c r="E313" s="20">
        <v>124626</v>
      </c>
      <c r="F313" s="20">
        <v>370861</v>
      </c>
      <c r="G313" s="20">
        <v>210972</v>
      </c>
      <c r="H313" s="20">
        <v>612610</v>
      </c>
      <c r="I313" s="20">
        <v>0</v>
      </c>
      <c r="J313" s="20">
        <v>0</v>
      </c>
    </row>
    <row r="314" spans="2:10" ht="15" customHeight="1">
      <c r="B314" s="7" t="s">
        <v>81</v>
      </c>
      <c r="C314" s="8">
        <v>86346</v>
      </c>
      <c r="D314" s="8">
        <v>241749</v>
      </c>
      <c r="E314" s="8">
        <v>124626</v>
      </c>
      <c r="F314" s="8">
        <v>370861</v>
      </c>
      <c r="G314" s="8">
        <v>210972</v>
      </c>
      <c r="H314" s="8">
        <v>612610</v>
      </c>
      <c r="I314" s="8">
        <v>0</v>
      </c>
      <c r="J314" s="8">
        <v>0</v>
      </c>
    </row>
    <row r="315" spans="2:10" ht="15" customHeight="1">
      <c r="B315" s="9" t="s">
        <v>77</v>
      </c>
      <c r="C315" s="10">
        <v>85797</v>
      </c>
      <c r="D315" s="10">
        <v>239391</v>
      </c>
      <c r="E315" s="10">
        <v>124626</v>
      </c>
      <c r="F315" s="10">
        <v>369800</v>
      </c>
      <c r="G315" s="10">
        <v>210423</v>
      </c>
      <c r="H315" s="10">
        <v>609191</v>
      </c>
      <c r="I315" s="10">
        <v>0</v>
      </c>
      <c r="J315" s="10">
        <v>0</v>
      </c>
    </row>
    <row r="316" spans="2:10" ht="15" customHeight="1">
      <c r="B316" s="9" t="s">
        <v>78</v>
      </c>
      <c r="C316" s="10">
        <v>549</v>
      </c>
      <c r="D316" s="10">
        <v>2358</v>
      </c>
      <c r="E316" s="10">
        <v>0</v>
      </c>
      <c r="F316" s="10">
        <v>1061</v>
      </c>
      <c r="G316" s="10">
        <v>549</v>
      </c>
      <c r="H316" s="10">
        <v>3419</v>
      </c>
      <c r="I316" s="10">
        <v>0</v>
      </c>
      <c r="J316" s="10">
        <v>0</v>
      </c>
    </row>
    <row r="317" spans="2:10" ht="15" customHeight="1">
      <c r="B317" s="7" t="s">
        <v>82</v>
      </c>
      <c r="C317" s="8">
        <v>0</v>
      </c>
      <c r="D317" s="8">
        <v>0</v>
      </c>
      <c r="E317" s="8">
        <v>0</v>
      </c>
      <c r="F317" s="8">
        <v>0</v>
      </c>
      <c r="G317" s="8">
        <v>0</v>
      </c>
      <c r="H317" s="8">
        <v>0</v>
      </c>
      <c r="I317" s="8">
        <v>0</v>
      </c>
      <c r="J317" s="8">
        <v>0</v>
      </c>
    </row>
    <row r="318" spans="2:10" ht="15" customHeight="1">
      <c r="B318" s="16" t="s">
        <v>80</v>
      </c>
      <c r="C318" s="20">
        <v>0</v>
      </c>
      <c r="D318" s="20">
        <v>165</v>
      </c>
      <c r="E318" s="20">
        <v>172</v>
      </c>
      <c r="F318" s="20">
        <v>337</v>
      </c>
      <c r="G318" s="20">
        <v>172</v>
      </c>
      <c r="H318" s="20">
        <v>502</v>
      </c>
      <c r="I318" s="20">
        <v>0</v>
      </c>
      <c r="J318" s="20">
        <v>0</v>
      </c>
    </row>
    <row r="319" spans="2:10" ht="15" customHeight="1">
      <c r="B319" s="14" t="s">
        <v>81</v>
      </c>
      <c r="C319" s="21">
        <v>0</v>
      </c>
      <c r="D319" s="21">
        <v>165</v>
      </c>
      <c r="E319" s="21">
        <v>172</v>
      </c>
      <c r="F319" s="21">
        <v>337</v>
      </c>
      <c r="G319" s="21">
        <v>172</v>
      </c>
      <c r="H319" s="21">
        <v>502</v>
      </c>
      <c r="I319" s="21">
        <v>0</v>
      </c>
      <c r="J319" s="21">
        <v>0</v>
      </c>
    </row>
    <row r="320" spans="2:10" ht="15" customHeight="1">
      <c r="B320" s="14" t="s">
        <v>82</v>
      </c>
      <c r="C320" s="21">
        <v>0</v>
      </c>
      <c r="D320" s="21">
        <v>0</v>
      </c>
      <c r="E320" s="21">
        <v>0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</row>
    <row r="321" spans="2:10" ht="15" customHeight="1">
      <c r="B321" s="5" t="s">
        <v>54</v>
      </c>
      <c r="C321" s="6">
        <v>398</v>
      </c>
      <c r="D321" s="6">
        <v>2356</v>
      </c>
      <c r="E321" s="6">
        <v>811</v>
      </c>
      <c r="F321" s="6">
        <v>2021</v>
      </c>
      <c r="G321" s="6">
        <v>1209</v>
      </c>
      <c r="H321" s="6">
        <v>4377</v>
      </c>
      <c r="I321" s="6">
        <v>0</v>
      </c>
      <c r="J321" s="6">
        <v>0</v>
      </c>
    </row>
    <row r="322" spans="2:10" ht="15" customHeight="1">
      <c r="B322" s="16" t="s">
        <v>75</v>
      </c>
      <c r="C322" s="20">
        <v>78</v>
      </c>
      <c r="D322" s="20">
        <v>140</v>
      </c>
      <c r="E322" s="20">
        <v>211</v>
      </c>
      <c r="F322" s="20">
        <v>431</v>
      </c>
      <c r="G322" s="20">
        <v>289</v>
      </c>
      <c r="H322" s="20">
        <v>571</v>
      </c>
      <c r="I322" s="20">
        <v>0</v>
      </c>
      <c r="J322" s="20">
        <v>0</v>
      </c>
    </row>
    <row r="323" spans="2:10" ht="15" customHeight="1">
      <c r="B323" s="7" t="s">
        <v>81</v>
      </c>
      <c r="C323" s="8">
        <v>78</v>
      </c>
      <c r="D323" s="8">
        <v>140</v>
      </c>
      <c r="E323" s="8">
        <v>211</v>
      </c>
      <c r="F323" s="8">
        <v>431</v>
      </c>
      <c r="G323" s="8">
        <v>289</v>
      </c>
      <c r="H323" s="8">
        <v>571</v>
      </c>
      <c r="I323" s="8">
        <v>0</v>
      </c>
      <c r="J323" s="8">
        <v>0</v>
      </c>
    </row>
    <row r="324" spans="2:10" ht="15" customHeight="1">
      <c r="B324" s="9" t="s">
        <v>77</v>
      </c>
      <c r="C324" s="10">
        <v>78</v>
      </c>
      <c r="D324" s="10">
        <v>140</v>
      </c>
      <c r="E324" s="10">
        <v>211</v>
      </c>
      <c r="F324" s="10">
        <v>431</v>
      </c>
      <c r="G324" s="10">
        <v>289</v>
      </c>
      <c r="H324" s="10">
        <v>571</v>
      </c>
      <c r="I324" s="10">
        <v>0</v>
      </c>
      <c r="J324" s="10">
        <v>0</v>
      </c>
    </row>
    <row r="325" spans="2:10" ht="15" customHeight="1">
      <c r="B325" s="9" t="s">
        <v>78</v>
      </c>
      <c r="C325" s="10">
        <v>0</v>
      </c>
      <c r="D325" s="10">
        <v>0</v>
      </c>
      <c r="E325" s="10">
        <v>0</v>
      </c>
      <c r="F325" s="10">
        <v>0</v>
      </c>
      <c r="G325" s="10">
        <v>0</v>
      </c>
      <c r="H325" s="10">
        <v>0</v>
      </c>
      <c r="I325" s="10">
        <v>0</v>
      </c>
      <c r="J325" s="10">
        <v>0</v>
      </c>
    </row>
    <row r="326" spans="2:10" ht="15" customHeight="1">
      <c r="B326" s="7" t="s">
        <v>82</v>
      </c>
      <c r="C326" s="8">
        <v>0</v>
      </c>
      <c r="D326" s="8">
        <v>0</v>
      </c>
      <c r="E326" s="8">
        <v>0</v>
      </c>
      <c r="F326" s="8">
        <v>0</v>
      </c>
      <c r="G326" s="8">
        <v>0</v>
      </c>
      <c r="H326" s="8">
        <v>0</v>
      </c>
      <c r="I326" s="8">
        <v>0</v>
      </c>
      <c r="J326" s="8">
        <v>0</v>
      </c>
    </row>
    <row r="327" spans="2:10" ht="15" customHeight="1">
      <c r="B327" s="16" t="s">
        <v>80</v>
      </c>
      <c r="C327" s="20">
        <v>320</v>
      </c>
      <c r="D327" s="20">
        <v>2216</v>
      </c>
      <c r="E327" s="20">
        <v>600</v>
      </c>
      <c r="F327" s="20">
        <v>1590</v>
      </c>
      <c r="G327" s="20">
        <v>920</v>
      </c>
      <c r="H327" s="20">
        <v>3806</v>
      </c>
      <c r="I327" s="20">
        <v>0</v>
      </c>
      <c r="J327" s="20">
        <v>0</v>
      </c>
    </row>
    <row r="328" spans="2:10" ht="15" customHeight="1">
      <c r="B328" s="14" t="s">
        <v>81</v>
      </c>
      <c r="C328" s="21">
        <v>320</v>
      </c>
      <c r="D328" s="21">
        <v>2216</v>
      </c>
      <c r="E328" s="21">
        <v>600</v>
      </c>
      <c r="F328" s="21">
        <v>1590</v>
      </c>
      <c r="G328" s="21">
        <v>920</v>
      </c>
      <c r="H328" s="21">
        <v>3806</v>
      </c>
      <c r="I328" s="21">
        <v>0</v>
      </c>
      <c r="J328" s="21">
        <v>0</v>
      </c>
    </row>
    <row r="329" spans="2:10" ht="15" customHeight="1">
      <c r="B329" s="14" t="s">
        <v>82</v>
      </c>
      <c r="C329" s="21">
        <v>0</v>
      </c>
      <c r="D329" s="21">
        <v>0</v>
      </c>
      <c r="E329" s="21">
        <v>0</v>
      </c>
      <c r="F329" s="21">
        <v>0</v>
      </c>
      <c r="G329" s="21">
        <v>0</v>
      </c>
      <c r="H329" s="21">
        <v>0</v>
      </c>
      <c r="I329" s="21">
        <v>0</v>
      </c>
      <c r="J329" s="21">
        <v>0</v>
      </c>
    </row>
    <row r="330" spans="2:10" ht="15" customHeight="1">
      <c r="B330" s="5" t="s">
        <v>55</v>
      </c>
      <c r="C330" s="6">
        <v>307546</v>
      </c>
      <c r="D330" s="6">
        <v>365932</v>
      </c>
      <c r="E330" s="6">
        <v>51777</v>
      </c>
      <c r="F330" s="6">
        <v>138068</v>
      </c>
      <c r="G330" s="6">
        <v>359323</v>
      </c>
      <c r="H330" s="6">
        <v>504000</v>
      </c>
      <c r="I330" s="6">
        <v>14203</v>
      </c>
      <c r="J330" s="6">
        <v>45938</v>
      </c>
    </row>
    <row r="331" spans="2:10" ht="15" customHeight="1">
      <c r="B331" s="16" t="s">
        <v>75</v>
      </c>
      <c r="C331" s="20">
        <v>299132</v>
      </c>
      <c r="D331" s="20">
        <v>355423</v>
      </c>
      <c r="E331" s="20">
        <v>42283</v>
      </c>
      <c r="F331" s="20">
        <v>126459</v>
      </c>
      <c r="G331" s="20">
        <v>341415</v>
      </c>
      <c r="H331" s="20">
        <v>481882</v>
      </c>
      <c r="I331" s="20">
        <v>14203</v>
      </c>
      <c r="J331" s="20">
        <v>45938</v>
      </c>
    </row>
    <row r="332" spans="2:10" ht="15" customHeight="1">
      <c r="B332" s="7" t="s">
        <v>81</v>
      </c>
      <c r="C332" s="8">
        <v>13698</v>
      </c>
      <c r="D332" s="8">
        <v>39489</v>
      </c>
      <c r="E332" s="8">
        <v>42283</v>
      </c>
      <c r="F332" s="8">
        <v>126459</v>
      </c>
      <c r="G332" s="8">
        <v>55981</v>
      </c>
      <c r="H332" s="8">
        <v>165948</v>
      </c>
      <c r="I332" s="8">
        <v>14203</v>
      </c>
      <c r="J332" s="8">
        <v>45938</v>
      </c>
    </row>
    <row r="333" spans="2:10" ht="15" customHeight="1">
      <c r="B333" s="9" t="s">
        <v>77</v>
      </c>
      <c r="C333" s="10">
        <v>13698</v>
      </c>
      <c r="D333" s="10">
        <v>39489</v>
      </c>
      <c r="E333" s="10">
        <v>42283</v>
      </c>
      <c r="F333" s="10">
        <v>126459</v>
      </c>
      <c r="G333" s="10">
        <v>55981</v>
      </c>
      <c r="H333" s="10">
        <v>165948</v>
      </c>
      <c r="I333" s="10">
        <v>14203</v>
      </c>
      <c r="J333" s="10">
        <v>45938</v>
      </c>
    </row>
    <row r="334" spans="2:10" ht="15" customHeight="1">
      <c r="B334" s="9" t="s">
        <v>78</v>
      </c>
      <c r="C334" s="10">
        <v>0</v>
      </c>
      <c r="D334" s="10">
        <v>0</v>
      </c>
      <c r="E334" s="10">
        <v>0</v>
      </c>
      <c r="F334" s="10">
        <v>0</v>
      </c>
      <c r="G334" s="10">
        <v>0</v>
      </c>
      <c r="H334" s="10">
        <v>0</v>
      </c>
      <c r="I334" s="10">
        <v>0</v>
      </c>
      <c r="J334" s="10">
        <v>0</v>
      </c>
    </row>
    <row r="335" spans="2:10" ht="15" customHeight="1">
      <c r="B335" s="7" t="s">
        <v>82</v>
      </c>
      <c r="C335" s="8">
        <v>285434</v>
      </c>
      <c r="D335" s="8">
        <v>315934</v>
      </c>
      <c r="E335" s="8">
        <v>0</v>
      </c>
      <c r="F335" s="8">
        <v>0</v>
      </c>
      <c r="G335" s="8">
        <v>285434</v>
      </c>
      <c r="H335" s="8">
        <v>315934</v>
      </c>
      <c r="I335" s="8">
        <v>0</v>
      </c>
      <c r="J335" s="8">
        <v>0</v>
      </c>
    </row>
    <row r="336" spans="2:10" ht="15" customHeight="1">
      <c r="B336" s="16" t="s">
        <v>80</v>
      </c>
      <c r="C336" s="20">
        <v>8414</v>
      </c>
      <c r="D336" s="20">
        <v>10509</v>
      </c>
      <c r="E336" s="20">
        <v>9494</v>
      </c>
      <c r="F336" s="20">
        <v>11609</v>
      </c>
      <c r="G336" s="20">
        <v>17908</v>
      </c>
      <c r="H336" s="20">
        <v>22118</v>
      </c>
      <c r="I336" s="20">
        <v>0</v>
      </c>
      <c r="J336" s="20">
        <v>0</v>
      </c>
    </row>
    <row r="337" spans="2:10" ht="15" customHeight="1">
      <c r="B337" s="14" t="s">
        <v>81</v>
      </c>
      <c r="C337" s="21">
        <v>8414</v>
      </c>
      <c r="D337" s="21">
        <v>10509</v>
      </c>
      <c r="E337" s="21">
        <v>9494</v>
      </c>
      <c r="F337" s="21">
        <v>11609</v>
      </c>
      <c r="G337" s="21">
        <v>17908</v>
      </c>
      <c r="H337" s="21">
        <v>22118</v>
      </c>
      <c r="I337" s="21">
        <v>0</v>
      </c>
      <c r="J337" s="21">
        <v>0</v>
      </c>
    </row>
    <row r="338" spans="2:10" ht="15" customHeight="1">
      <c r="B338" s="14" t="s">
        <v>82</v>
      </c>
      <c r="C338" s="21">
        <v>0</v>
      </c>
      <c r="D338" s="21">
        <v>0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</row>
    <row r="339" spans="2:10" ht="15" customHeight="1">
      <c r="B339" s="5" t="s">
        <v>56</v>
      </c>
      <c r="C339" s="6">
        <v>0</v>
      </c>
      <c r="D339" s="6">
        <v>0</v>
      </c>
      <c r="E339" s="6">
        <v>0</v>
      </c>
      <c r="F339" s="6">
        <v>0</v>
      </c>
      <c r="G339" s="6">
        <v>0</v>
      </c>
      <c r="H339" s="6">
        <v>0</v>
      </c>
      <c r="I339" s="6">
        <v>0</v>
      </c>
      <c r="J339" s="6">
        <v>0</v>
      </c>
    </row>
    <row r="340" spans="2:10" ht="15" customHeight="1">
      <c r="B340" s="16" t="s">
        <v>75</v>
      </c>
      <c r="C340" s="20">
        <v>0</v>
      </c>
      <c r="D340" s="20">
        <v>0</v>
      </c>
      <c r="E340" s="20">
        <v>0</v>
      </c>
      <c r="F340" s="20">
        <v>0</v>
      </c>
      <c r="G340" s="20">
        <v>0</v>
      </c>
      <c r="H340" s="20">
        <v>0</v>
      </c>
      <c r="I340" s="20">
        <v>0</v>
      </c>
      <c r="J340" s="20">
        <v>0</v>
      </c>
    </row>
    <row r="341" spans="2:10" ht="15" customHeight="1">
      <c r="B341" s="7" t="s">
        <v>81</v>
      </c>
      <c r="C341" s="8">
        <v>0</v>
      </c>
      <c r="D341" s="8">
        <v>0</v>
      </c>
      <c r="E341" s="8">
        <v>0</v>
      </c>
      <c r="F341" s="8">
        <v>0</v>
      </c>
      <c r="G341" s="8">
        <v>0</v>
      </c>
      <c r="H341" s="8">
        <v>0</v>
      </c>
      <c r="I341" s="8">
        <v>0</v>
      </c>
      <c r="J341" s="8">
        <v>0</v>
      </c>
    </row>
    <row r="342" spans="2:10" ht="15" customHeight="1">
      <c r="B342" s="9" t="s">
        <v>77</v>
      </c>
      <c r="C342" s="10">
        <v>0</v>
      </c>
      <c r="D342" s="10">
        <v>0</v>
      </c>
      <c r="E342" s="10">
        <v>0</v>
      </c>
      <c r="F342" s="10">
        <v>0</v>
      </c>
      <c r="G342" s="10">
        <v>0</v>
      </c>
      <c r="H342" s="10">
        <v>0</v>
      </c>
      <c r="I342" s="10">
        <v>0</v>
      </c>
      <c r="J342" s="10">
        <v>0</v>
      </c>
    </row>
    <row r="343" spans="2:10" ht="15" customHeight="1">
      <c r="B343" s="9" t="s">
        <v>78</v>
      </c>
      <c r="C343" s="10">
        <v>0</v>
      </c>
      <c r="D343" s="10">
        <v>0</v>
      </c>
      <c r="E343" s="10">
        <v>0</v>
      </c>
      <c r="F343" s="10">
        <v>0</v>
      </c>
      <c r="G343" s="10">
        <v>0</v>
      </c>
      <c r="H343" s="10">
        <v>0</v>
      </c>
      <c r="I343" s="10">
        <v>0</v>
      </c>
      <c r="J343" s="10">
        <v>0</v>
      </c>
    </row>
    <row r="344" spans="2:10" ht="15" customHeight="1">
      <c r="B344" s="7" t="s">
        <v>82</v>
      </c>
      <c r="C344" s="8">
        <v>0</v>
      </c>
      <c r="D344" s="8">
        <v>0</v>
      </c>
      <c r="E344" s="8">
        <v>0</v>
      </c>
      <c r="F344" s="8">
        <v>0</v>
      </c>
      <c r="G344" s="8">
        <v>0</v>
      </c>
      <c r="H344" s="8">
        <v>0</v>
      </c>
      <c r="I344" s="8">
        <v>0</v>
      </c>
      <c r="J344" s="8">
        <v>0</v>
      </c>
    </row>
    <row r="345" spans="2:10" ht="15" customHeight="1">
      <c r="B345" s="16" t="s">
        <v>80</v>
      </c>
      <c r="C345" s="20">
        <v>0</v>
      </c>
      <c r="D345" s="20">
        <v>0</v>
      </c>
      <c r="E345" s="20">
        <v>0</v>
      </c>
      <c r="F345" s="20">
        <v>0</v>
      </c>
      <c r="G345" s="20">
        <v>0</v>
      </c>
      <c r="H345" s="20">
        <v>0</v>
      </c>
      <c r="I345" s="20">
        <v>0</v>
      </c>
      <c r="J345" s="20">
        <v>0</v>
      </c>
    </row>
    <row r="346" spans="2:10" ht="15" customHeight="1">
      <c r="B346" s="14" t="s">
        <v>81</v>
      </c>
      <c r="C346" s="21">
        <v>0</v>
      </c>
      <c r="D346" s="21">
        <v>0</v>
      </c>
      <c r="E346" s="21">
        <v>0</v>
      </c>
      <c r="F346" s="21">
        <v>0</v>
      </c>
      <c r="G346" s="21">
        <v>0</v>
      </c>
      <c r="H346" s="21">
        <v>0</v>
      </c>
      <c r="I346" s="21">
        <v>0</v>
      </c>
      <c r="J346" s="21">
        <v>0</v>
      </c>
    </row>
    <row r="347" spans="2:10" ht="15" customHeight="1">
      <c r="B347" s="14" t="s">
        <v>82</v>
      </c>
      <c r="C347" s="21">
        <v>0</v>
      </c>
      <c r="D347" s="21">
        <v>0</v>
      </c>
      <c r="E347" s="21">
        <v>0</v>
      </c>
      <c r="F347" s="21">
        <v>0</v>
      </c>
      <c r="G347" s="21">
        <v>0</v>
      </c>
      <c r="H347" s="21">
        <v>0</v>
      </c>
      <c r="I347" s="21">
        <v>0</v>
      </c>
      <c r="J347" s="21">
        <v>0</v>
      </c>
    </row>
    <row r="348" spans="2:10" ht="15" customHeight="1">
      <c r="B348" s="5" t="s">
        <v>57</v>
      </c>
      <c r="C348" s="6">
        <v>0</v>
      </c>
      <c r="D348" s="6">
        <v>0</v>
      </c>
      <c r="E348" s="6">
        <v>0</v>
      </c>
      <c r="F348" s="6">
        <v>0</v>
      </c>
      <c r="G348" s="6">
        <v>0</v>
      </c>
      <c r="H348" s="6">
        <v>0</v>
      </c>
      <c r="I348" s="6">
        <v>0</v>
      </c>
      <c r="J348" s="6">
        <v>0</v>
      </c>
    </row>
    <row r="349" spans="2:10" ht="15" customHeight="1">
      <c r="B349" s="16" t="s">
        <v>75</v>
      </c>
      <c r="C349" s="20">
        <v>0</v>
      </c>
      <c r="D349" s="20">
        <v>0</v>
      </c>
      <c r="E349" s="20">
        <v>0</v>
      </c>
      <c r="F349" s="20">
        <v>0</v>
      </c>
      <c r="G349" s="20">
        <v>0</v>
      </c>
      <c r="H349" s="20">
        <v>0</v>
      </c>
      <c r="I349" s="20">
        <v>0</v>
      </c>
      <c r="J349" s="20">
        <v>0</v>
      </c>
    </row>
    <row r="350" spans="2:10" ht="15" customHeight="1">
      <c r="B350" s="7" t="s">
        <v>81</v>
      </c>
      <c r="C350" s="8">
        <v>0</v>
      </c>
      <c r="D350" s="8">
        <v>0</v>
      </c>
      <c r="E350" s="8">
        <v>0</v>
      </c>
      <c r="F350" s="8">
        <v>0</v>
      </c>
      <c r="G350" s="8">
        <v>0</v>
      </c>
      <c r="H350" s="8">
        <v>0</v>
      </c>
      <c r="I350" s="8">
        <v>0</v>
      </c>
      <c r="J350" s="8">
        <v>0</v>
      </c>
    </row>
    <row r="351" spans="2:10" ht="15" customHeight="1">
      <c r="B351" s="9" t="s">
        <v>77</v>
      </c>
      <c r="C351" s="10">
        <v>0</v>
      </c>
      <c r="D351" s="10">
        <v>0</v>
      </c>
      <c r="E351" s="10">
        <v>0</v>
      </c>
      <c r="F351" s="10">
        <v>0</v>
      </c>
      <c r="G351" s="10">
        <v>0</v>
      </c>
      <c r="H351" s="10">
        <v>0</v>
      </c>
      <c r="I351" s="10">
        <v>0</v>
      </c>
      <c r="J351" s="10">
        <v>0</v>
      </c>
    </row>
    <row r="352" spans="2:10" ht="15" customHeight="1">
      <c r="B352" s="9" t="s">
        <v>78</v>
      </c>
      <c r="C352" s="10">
        <v>0</v>
      </c>
      <c r="D352" s="10">
        <v>0</v>
      </c>
      <c r="E352" s="10">
        <v>0</v>
      </c>
      <c r="F352" s="10">
        <v>0</v>
      </c>
      <c r="G352" s="10">
        <v>0</v>
      </c>
      <c r="H352" s="10">
        <v>0</v>
      </c>
      <c r="I352" s="10">
        <v>0</v>
      </c>
      <c r="J352" s="10">
        <v>0</v>
      </c>
    </row>
    <row r="353" spans="2:10" ht="15" customHeight="1">
      <c r="B353" s="7" t="s">
        <v>82</v>
      </c>
      <c r="C353" s="8">
        <v>0</v>
      </c>
      <c r="D353" s="8">
        <v>0</v>
      </c>
      <c r="E353" s="8">
        <v>0</v>
      </c>
      <c r="F353" s="8">
        <v>0</v>
      </c>
      <c r="G353" s="8">
        <v>0</v>
      </c>
      <c r="H353" s="8">
        <v>0</v>
      </c>
      <c r="I353" s="8">
        <v>0</v>
      </c>
      <c r="J353" s="8">
        <v>0</v>
      </c>
    </row>
    <row r="354" spans="2:10" ht="15" customHeight="1">
      <c r="B354" s="16" t="s">
        <v>80</v>
      </c>
      <c r="C354" s="20">
        <v>0</v>
      </c>
      <c r="D354" s="20">
        <v>0</v>
      </c>
      <c r="E354" s="20">
        <v>0</v>
      </c>
      <c r="F354" s="20">
        <v>0</v>
      </c>
      <c r="G354" s="20">
        <v>0</v>
      </c>
      <c r="H354" s="20">
        <v>0</v>
      </c>
      <c r="I354" s="20">
        <v>0</v>
      </c>
      <c r="J354" s="20">
        <v>0</v>
      </c>
    </row>
    <row r="355" spans="2:10" ht="15" customHeight="1">
      <c r="B355" s="14" t="s">
        <v>81</v>
      </c>
      <c r="C355" s="21">
        <v>0</v>
      </c>
      <c r="D355" s="21">
        <v>0</v>
      </c>
      <c r="E355" s="21">
        <v>0</v>
      </c>
      <c r="F355" s="21">
        <v>0</v>
      </c>
      <c r="G355" s="21">
        <v>0</v>
      </c>
      <c r="H355" s="21">
        <v>0</v>
      </c>
      <c r="I355" s="21">
        <v>0</v>
      </c>
      <c r="J355" s="21">
        <v>0</v>
      </c>
    </row>
    <row r="356" spans="2:10" ht="15" customHeight="1">
      <c r="B356" s="14" t="s">
        <v>82</v>
      </c>
      <c r="C356" s="21">
        <v>0</v>
      </c>
      <c r="D356" s="21">
        <v>0</v>
      </c>
      <c r="E356" s="21">
        <v>0</v>
      </c>
      <c r="F356" s="21">
        <v>0</v>
      </c>
      <c r="G356" s="21">
        <v>0</v>
      </c>
      <c r="H356" s="21">
        <v>0</v>
      </c>
      <c r="I356" s="21">
        <v>0</v>
      </c>
      <c r="J356" s="21">
        <v>0</v>
      </c>
    </row>
    <row r="357" spans="2:10" ht="15" customHeight="1">
      <c r="B357" s="5" t="s">
        <v>58</v>
      </c>
      <c r="C357" s="6">
        <v>74269</v>
      </c>
      <c r="D357" s="6">
        <v>191458</v>
      </c>
      <c r="E357" s="6">
        <v>172819</v>
      </c>
      <c r="F357" s="6">
        <v>444173</v>
      </c>
      <c r="G357" s="6">
        <v>247088</v>
      </c>
      <c r="H357" s="6">
        <v>635631</v>
      </c>
      <c r="I357" s="6">
        <v>33733</v>
      </c>
      <c r="J357" s="6">
        <v>102590</v>
      </c>
    </row>
    <row r="358" spans="2:10" ht="15" customHeight="1">
      <c r="B358" s="16" t="s">
        <v>75</v>
      </c>
      <c r="C358" s="20">
        <v>74259</v>
      </c>
      <c r="D358" s="20">
        <v>189242</v>
      </c>
      <c r="E358" s="20">
        <v>172819</v>
      </c>
      <c r="F358" s="20">
        <v>441967</v>
      </c>
      <c r="G358" s="20">
        <v>247078</v>
      </c>
      <c r="H358" s="20">
        <v>631209</v>
      </c>
      <c r="I358" s="20">
        <v>33733</v>
      </c>
      <c r="J358" s="20">
        <v>96906</v>
      </c>
    </row>
    <row r="359" spans="2:10" ht="15" customHeight="1">
      <c r="B359" s="7" t="s">
        <v>81</v>
      </c>
      <c r="C359" s="8">
        <v>74259</v>
      </c>
      <c r="D359" s="8">
        <v>189242</v>
      </c>
      <c r="E359" s="8">
        <v>172819</v>
      </c>
      <c r="F359" s="8">
        <v>441967</v>
      </c>
      <c r="G359" s="8">
        <v>247078</v>
      </c>
      <c r="H359" s="8">
        <v>631209</v>
      </c>
      <c r="I359" s="8">
        <v>33733</v>
      </c>
      <c r="J359" s="8">
        <v>96906</v>
      </c>
    </row>
    <row r="360" spans="2:10" ht="15" customHeight="1">
      <c r="B360" s="9" t="s">
        <v>77</v>
      </c>
      <c r="C360" s="10">
        <v>74259</v>
      </c>
      <c r="D360" s="10">
        <v>189242</v>
      </c>
      <c r="E360" s="10">
        <v>172819</v>
      </c>
      <c r="F360" s="10">
        <v>441967</v>
      </c>
      <c r="G360" s="10">
        <v>247078</v>
      </c>
      <c r="H360" s="10">
        <v>631209</v>
      </c>
      <c r="I360" s="10">
        <v>33733</v>
      </c>
      <c r="J360" s="10">
        <v>96906</v>
      </c>
    </row>
    <row r="361" spans="2:10" ht="15" customHeight="1">
      <c r="B361" s="9" t="s">
        <v>78</v>
      </c>
      <c r="C361" s="10">
        <v>0</v>
      </c>
      <c r="D361" s="10">
        <v>0</v>
      </c>
      <c r="E361" s="10">
        <v>0</v>
      </c>
      <c r="F361" s="10">
        <v>0</v>
      </c>
      <c r="G361" s="10">
        <v>0</v>
      </c>
      <c r="H361" s="10">
        <v>0</v>
      </c>
      <c r="I361" s="10">
        <v>0</v>
      </c>
      <c r="J361" s="10">
        <v>0</v>
      </c>
    </row>
    <row r="362" spans="2:10" ht="15" customHeight="1">
      <c r="B362" s="7" t="s">
        <v>82</v>
      </c>
      <c r="C362" s="8">
        <v>0</v>
      </c>
      <c r="D362" s="8">
        <v>0</v>
      </c>
      <c r="E362" s="8">
        <v>0</v>
      </c>
      <c r="F362" s="8">
        <v>0</v>
      </c>
      <c r="G362" s="8">
        <v>0</v>
      </c>
      <c r="H362" s="8">
        <v>0</v>
      </c>
      <c r="I362" s="8">
        <v>0</v>
      </c>
      <c r="J362" s="8">
        <v>0</v>
      </c>
    </row>
    <row r="363" spans="2:10" ht="15" customHeight="1">
      <c r="B363" s="16" t="s">
        <v>80</v>
      </c>
      <c r="C363" s="20">
        <v>10</v>
      </c>
      <c r="D363" s="20">
        <v>2216</v>
      </c>
      <c r="E363" s="20">
        <v>0</v>
      </c>
      <c r="F363" s="20">
        <v>2206</v>
      </c>
      <c r="G363" s="20">
        <v>10</v>
      </c>
      <c r="H363" s="20">
        <v>4422</v>
      </c>
      <c r="I363" s="20">
        <v>0</v>
      </c>
      <c r="J363" s="20">
        <v>5684</v>
      </c>
    </row>
    <row r="364" spans="2:10" ht="15" customHeight="1">
      <c r="B364" s="14" t="s">
        <v>81</v>
      </c>
      <c r="C364" s="21">
        <v>10</v>
      </c>
      <c r="D364" s="21">
        <v>2216</v>
      </c>
      <c r="E364" s="21">
        <v>0</v>
      </c>
      <c r="F364" s="21">
        <v>2206</v>
      </c>
      <c r="G364" s="21">
        <v>10</v>
      </c>
      <c r="H364" s="21">
        <v>4422</v>
      </c>
      <c r="I364" s="21">
        <v>0</v>
      </c>
      <c r="J364" s="21">
        <v>5684</v>
      </c>
    </row>
    <row r="365" spans="2:10" ht="15" customHeight="1">
      <c r="B365" s="14" t="s">
        <v>82</v>
      </c>
      <c r="C365" s="21">
        <v>0</v>
      </c>
      <c r="D365" s="21">
        <v>0</v>
      </c>
      <c r="E365" s="21">
        <v>0</v>
      </c>
      <c r="F365" s="21">
        <v>0</v>
      </c>
      <c r="G365" s="21">
        <v>0</v>
      </c>
      <c r="H365" s="21">
        <v>0</v>
      </c>
      <c r="I365" s="21">
        <v>0</v>
      </c>
      <c r="J365" s="21">
        <v>0</v>
      </c>
    </row>
    <row r="366" spans="2:10" ht="15" customHeight="1">
      <c r="B366" s="5" t="s">
        <v>59</v>
      </c>
      <c r="C366" s="6">
        <v>29870</v>
      </c>
      <c r="D366" s="6">
        <v>89004</v>
      </c>
      <c r="E366" s="6">
        <v>37866</v>
      </c>
      <c r="F366" s="6">
        <v>104474</v>
      </c>
      <c r="G366" s="6">
        <v>67736</v>
      </c>
      <c r="H366" s="6">
        <v>193478</v>
      </c>
      <c r="I366" s="6">
        <v>30651</v>
      </c>
      <c r="J366" s="6">
        <v>87542</v>
      </c>
    </row>
    <row r="367" spans="2:10" ht="15" customHeight="1">
      <c r="B367" s="16" t="s">
        <v>75</v>
      </c>
      <c r="C367" s="20">
        <v>29870</v>
      </c>
      <c r="D367" s="20">
        <v>89004</v>
      </c>
      <c r="E367" s="20">
        <v>37866</v>
      </c>
      <c r="F367" s="20">
        <v>104474</v>
      </c>
      <c r="G367" s="20">
        <v>67736</v>
      </c>
      <c r="H367" s="20">
        <v>193478</v>
      </c>
      <c r="I367" s="20">
        <v>30651</v>
      </c>
      <c r="J367" s="20">
        <v>87542</v>
      </c>
    </row>
    <row r="368" spans="2:10" ht="15" customHeight="1">
      <c r="B368" s="7" t="s">
        <v>81</v>
      </c>
      <c r="C368" s="8">
        <v>29870</v>
      </c>
      <c r="D368" s="8">
        <v>89004</v>
      </c>
      <c r="E368" s="8">
        <v>37866</v>
      </c>
      <c r="F368" s="8">
        <v>104474</v>
      </c>
      <c r="G368" s="8">
        <v>67736</v>
      </c>
      <c r="H368" s="8">
        <v>193478</v>
      </c>
      <c r="I368" s="8">
        <v>30651</v>
      </c>
      <c r="J368" s="8">
        <v>87542</v>
      </c>
    </row>
    <row r="369" spans="2:10" ht="15" customHeight="1">
      <c r="B369" s="9" t="s">
        <v>77</v>
      </c>
      <c r="C369" s="10">
        <v>29870</v>
      </c>
      <c r="D369" s="10">
        <v>89004</v>
      </c>
      <c r="E369" s="10">
        <v>37866</v>
      </c>
      <c r="F369" s="10">
        <v>104474</v>
      </c>
      <c r="G369" s="10">
        <v>67736</v>
      </c>
      <c r="H369" s="10">
        <v>193478</v>
      </c>
      <c r="I369" s="10">
        <v>30651</v>
      </c>
      <c r="J369" s="10">
        <v>87542</v>
      </c>
    </row>
    <row r="370" spans="2:10" ht="15" customHeight="1">
      <c r="B370" s="9" t="s">
        <v>78</v>
      </c>
      <c r="C370" s="10">
        <v>0</v>
      </c>
      <c r="D370" s="10">
        <v>0</v>
      </c>
      <c r="E370" s="10">
        <v>0</v>
      </c>
      <c r="F370" s="10">
        <v>0</v>
      </c>
      <c r="G370" s="10">
        <v>0</v>
      </c>
      <c r="H370" s="10">
        <v>0</v>
      </c>
      <c r="I370" s="10">
        <v>0</v>
      </c>
      <c r="J370" s="10">
        <v>0</v>
      </c>
    </row>
    <row r="371" spans="2:10" ht="15" customHeight="1">
      <c r="B371" s="7" t="s">
        <v>82</v>
      </c>
      <c r="C371" s="8">
        <v>0</v>
      </c>
      <c r="D371" s="8">
        <v>0</v>
      </c>
      <c r="E371" s="8">
        <v>0</v>
      </c>
      <c r="F371" s="8">
        <v>0</v>
      </c>
      <c r="G371" s="8">
        <v>0</v>
      </c>
      <c r="H371" s="8">
        <v>0</v>
      </c>
      <c r="I371" s="8">
        <v>0</v>
      </c>
      <c r="J371" s="8">
        <v>0</v>
      </c>
    </row>
    <row r="372" spans="2:10" ht="15" customHeight="1">
      <c r="B372" s="16" t="s">
        <v>80</v>
      </c>
      <c r="C372" s="20">
        <v>0</v>
      </c>
      <c r="D372" s="20">
        <v>0</v>
      </c>
      <c r="E372" s="20">
        <v>0</v>
      </c>
      <c r="F372" s="20">
        <v>0</v>
      </c>
      <c r="G372" s="20">
        <v>0</v>
      </c>
      <c r="H372" s="20">
        <v>0</v>
      </c>
      <c r="I372" s="20">
        <v>0</v>
      </c>
      <c r="J372" s="20">
        <v>0</v>
      </c>
    </row>
    <row r="373" spans="2:10" ht="15" customHeight="1">
      <c r="B373" s="14" t="s">
        <v>81</v>
      </c>
      <c r="C373" s="21">
        <v>0</v>
      </c>
      <c r="D373" s="21">
        <v>0</v>
      </c>
      <c r="E373" s="21">
        <v>0</v>
      </c>
      <c r="F373" s="21">
        <v>0</v>
      </c>
      <c r="G373" s="21">
        <v>0</v>
      </c>
      <c r="H373" s="21">
        <v>0</v>
      </c>
      <c r="I373" s="21">
        <v>0</v>
      </c>
      <c r="J373" s="21">
        <v>0</v>
      </c>
    </row>
    <row r="374" spans="2:10" ht="15" customHeight="1">
      <c r="B374" s="14" t="s">
        <v>82</v>
      </c>
      <c r="C374" s="21">
        <v>0</v>
      </c>
      <c r="D374" s="21">
        <v>0</v>
      </c>
      <c r="E374" s="21">
        <v>0</v>
      </c>
      <c r="F374" s="21">
        <v>0</v>
      </c>
      <c r="G374" s="21">
        <v>0</v>
      </c>
      <c r="H374" s="21">
        <v>0</v>
      </c>
      <c r="I374" s="21">
        <v>0</v>
      </c>
      <c r="J374" s="21">
        <v>0</v>
      </c>
    </row>
    <row r="375" spans="2:10" ht="15" customHeight="1">
      <c r="B375" s="5" t="s">
        <v>60</v>
      </c>
      <c r="C375" s="6">
        <v>1765433</v>
      </c>
      <c r="D375" s="6">
        <v>4562828</v>
      </c>
      <c r="E375" s="6">
        <v>1492441</v>
      </c>
      <c r="F375" s="6">
        <v>3911032</v>
      </c>
      <c r="G375" s="6">
        <v>3257874</v>
      </c>
      <c r="H375" s="6">
        <v>8473860</v>
      </c>
      <c r="I375" s="6">
        <v>518206</v>
      </c>
      <c r="J375" s="6">
        <v>1263127</v>
      </c>
    </row>
    <row r="376" spans="2:10" ht="15" customHeight="1">
      <c r="B376" s="16" t="s">
        <v>75</v>
      </c>
      <c r="C376" s="20">
        <v>1716000</v>
      </c>
      <c r="D376" s="20">
        <v>4465570</v>
      </c>
      <c r="E376" s="20">
        <v>1456555</v>
      </c>
      <c r="F376" s="20">
        <v>3851932</v>
      </c>
      <c r="G376" s="20">
        <v>3172555</v>
      </c>
      <c r="H376" s="20">
        <v>8317502</v>
      </c>
      <c r="I376" s="20">
        <v>505880</v>
      </c>
      <c r="J376" s="20">
        <v>1236102</v>
      </c>
    </row>
    <row r="377" spans="2:10" ht="15" customHeight="1">
      <c r="B377" s="7" t="s">
        <v>81</v>
      </c>
      <c r="C377" s="8">
        <v>1129315</v>
      </c>
      <c r="D377" s="8">
        <v>2908977</v>
      </c>
      <c r="E377" s="8">
        <v>1114171</v>
      </c>
      <c r="F377" s="8">
        <v>2908306</v>
      </c>
      <c r="G377" s="8">
        <v>2243486</v>
      </c>
      <c r="H377" s="8">
        <v>5817283</v>
      </c>
      <c r="I377" s="8">
        <v>468493</v>
      </c>
      <c r="J377" s="8">
        <v>1145522</v>
      </c>
    </row>
    <row r="378" spans="2:10" ht="15" customHeight="1">
      <c r="B378" s="9" t="s">
        <v>77</v>
      </c>
      <c r="C378" s="10">
        <v>831032</v>
      </c>
      <c r="D378" s="10">
        <v>2139121</v>
      </c>
      <c r="E378" s="10">
        <v>930651</v>
      </c>
      <c r="F378" s="10">
        <v>2454101</v>
      </c>
      <c r="G378" s="10">
        <v>1761683</v>
      </c>
      <c r="H378" s="10">
        <v>4593222</v>
      </c>
      <c r="I378" s="10">
        <v>398670</v>
      </c>
      <c r="J378" s="10">
        <v>985778</v>
      </c>
    </row>
    <row r="379" spans="2:10" ht="15" customHeight="1">
      <c r="B379" s="9" t="s">
        <v>78</v>
      </c>
      <c r="C379" s="10">
        <v>298283</v>
      </c>
      <c r="D379" s="10">
        <v>769856</v>
      </c>
      <c r="E379" s="10">
        <v>183520</v>
      </c>
      <c r="F379" s="10">
        <v>454205</v>
      </c>
      <c r="G379" s="10">
        <v>481803</v>
      </c>
      <c r="H379" s="10">
        <v>1224061</v>
      </c>
      <c r="I379" s="10">
        <v>69823</v>
      </c>
      <c r="J379" s="10">
        <v>159744</v>
      </c>
    </row>
    <row r="380" spans="2:10" ht="15" customHeight="1">
      <c r="B380" s="7" t="s">
        <v>82</v>
      </c>
      <c r="C380" s="8">
        <v>586685</v>
      </c>
      <c r="D380" s="8">
        <v>1556593</v>
      </c>
      <c r="E380" s="8">
        <v>342384</v>
      </c>
      <c r="F380" s="8">
        <v>943626</v>
      </c>
      <c r="G380" s="8">
        <v>929069</v>
      </c>
      <c r="H380" s="8">
        <v>2500219</v>
      </c>
      <c r="I380" s="8">
        <v>37387</v>
      </c>
      <c r="J380" s="8">
        <v>90580</v>
      </c>
    </row>
    <row r="381" spans="2:10" ht="15" customHeight="1">
      <c r="B381" s="16" t="s">
        <v>80</v>
      </c>
      <c r="C381" s="20">
        <v>49433</v>
      </c>
      <c r="D381" s="20">
        <v>97258</v>
      </c>
      <c r="E381" s="20">
        <v>35886</v>
      </c>
      <c r="F381" s="20">
        <v>59100</v>
      </c>
      <c r="G381" s="20">
        <v>85319</v>
      </c>
      <c r="H381" s="20">
        <v>156358</v>
      </c>
      <c r="I381" s="20">
        <v>12326</v>
      </c>
      <c r="J381" s="20">
        <v>27025</v>
      </c>
    </row>
    <row r="382" spans="2:10" ht="15" customHeight="1">
      <c r="B382" s="14" t="s">
        <v>81</v>
      </c>
      <c r="C382" s="21">
        <v>45929</v>
      </c>
      <c r="D382" s="21">
        <v>86712</v>
      </c>
      <c r="E382" s="21">
        <v>35886</v>
      </c>
      <c r="F382" s="21">
        <v>53421</v>
      </c>
      <c r="G382" s="21">
        <v>81815</v>
      </c>
      <c r="H382" s="21">
        <v>140133</v>
      </c>
      <c r="I382" s="21">
        <v>12326</v>
      </c>
      <c r="J382" s="21">
        <v>24177</v>
      </c>
    </row>
    <row r="383" spans="2:10" ht="15" customHeight="1">
      <c r="B383" s="14" t="s">
        <v>82</v>
      </c>
      <c r="C383" s="21">
        <v>3504</v>
      </c>
      <c r="D383" s="21">
        <v>10546</v>
      </c>
      <c r="E383" s="21">
        <v>0</v>
      </c>
      <c r="F383" s="21">
        <v>5679</v>
      </c>
      <c r="G383" s="21">
        <v>3504</v>
      </c>
      <c r="H383" s="21">
        <v>16225</v>
      </c>
      <c r="I383" s="21">
        <v>0</v>
      </c>
      <c r="J383" s="21">
        <v>2848</v>
      </c>
    </row>
    <row r="384" spans="2:10" ht="15" customHeight="1">
      <c r="B384" s="5" t="s">
        <v>61</v>
      </c>
      <c r="C384" s="6">
        <v>135846</v>
      </c>
      <c r="D384" s="6">
        <v>363182</v>
      </c>
      <c r="E384" s="6">
        <v>232356</v>
      </c>
      <c r="F384" s="6">
        <v>574910</v>
      </c>
      <c r="G384" s="6">
        <v>368202</v>
      </c>
      <c r="H384" s="6">
        <v>938092</v>
      </c>
      <c r="I384" s="6">
        <v>80600</v>
      </c>
      <c r="J384" s="6">
        <v>207548</v>
      </c>
    </row>
    <row r="385" spans="2:10" ht="15" customHeight="1">
      <c r="B385" s="16" t="s">
        <v>75</v>
      </c>
      <c r="C385" s="20">
        <v>135579</v>
      </c>
      <c r="D385" s="20">
        <v>358910</v>
      </c>
      <c r="E385" s="20">
        <v>231228</v>
      </c>
      <c r="F385" s="20">
        <v>571443</v>
      </c>
      <c r="G385" s="20">
        <v>366807</v>
      </c>
      <c r="H385" s="20">
        <v>930353</v>
      </c>
      <c r="I385" s="20">
        <v>80500</v>
      </c>
      <c r="J385" s="20">
        <v>207338</v>
      </c>
    </row>
    <row r="386" spans="2:10" ht="15" customHeight="1">
      <c r="B386" s="7" t="s">
        <v>81</v>
      </c>
      <c r="C386" s="8">
        <v>135579</v>
      </c>
      <c r="D386" s="8">
        <v>358910</v>
      </c>
      <c r="E386" s="8">
        <v>231228</v>
      </c>
      <c r="F386" s="8">
        <v>571443</v>
      </c>
      <c r="G386" s="8">
        <v>366807</v>
      </c>
      <c r="H386" s="8">
        <v>930353</v>
      </c>
      <c r="I386" s="8">
        <v>80500</v>
      </c>
      <c r="J386" s="8">
        <v>207338</v>
      </c>
    </row>
    <row r="387" spans="2:10" ht="15" customHeight="1">
      <c r="B387" s="9" t="s">
        <v>77</v>
      </c>
      <c r="C387" s="10">
        <v>135579</v>
      </c>
      <c r="D387" s="10">
        <v>358910</v>
      </c>
      <c r="E387" s="10">
        <v>231228</v>
      </c>
      <c r="F387" s="10">
        <v>571443</v>
      </c>
      <c r="G387" s="10">
        <v>366807</v>
      </c>
      <c r="H387" s="10">
        <v>930353</v>
      </c>
      <c r="I387" s="10">
        <v>80500</v>
      </c>
      <c r="J387" s="10">
        <v>207338</v>
      </c>
    </row>
    <row r="388" spans="2:10" ht="15" customHeight="1">
      <c r="B388" s="9" t="s">
        <v>78</v>
      </c>
      <c r="C388" s="10">
        <v>0</v>
      </c>
      <c r="D388" s="10">
        <v>0</v>
      </c>
      <c r="E388" s="10">
        <v>0</v>
      </c>
      <c r="F388" s="10">
        <v>0</v>
      </c>
      <c r="G388" s="10">
        <v>0</v>
      </c>
      <c r="H388" s="10">
        <v>0</v>
      </c>
      <c r="I388" s="10">
        <v>0</v>
      </c>
      <c r="J388" s="10">
        <v>0</v>
      </c>
    </row>
    <row r="389" spans="2:10" ht="15" customHeight="1">
      <c r="B389" s="7" t="s">
        <v>82</v>
      </c>
      <c r="C389" s="8">
        <v>0</v>
      </c>
      <c r="D389" s="8">
        <v>0</v>
      </c>
      <c r="E389" s="8">
        <v>0</v>
      </c>
      <c r="F389" s="8">
        <v>0</v>
      </c>
      <c r="G389" s="8">
        <v>0</v>
      </c>
      <c r="H389" s="8">
        <v>0</v>
      </c>
      <c r="I389" s="8">
        <v>0</v>
      </c>
      <c r="J389" s="8">
        <v>0</v>
      </c>
    </row>
    <row r="390" spans="2:10" ht="15" customHeight="1">
      <c r="B390" s="16" t="s">
        <v>80</v>
      </c>
      <c r="C390" s="20">
        <v>267</v>
      </c>
      <c r="D390" s="20">
        <v>4272</v>
      </c>
      <c r="E390" s="20">
        <v>1128</v>
      </c>
      <c r="F390" s="20">
        <v>3467</v>
      </c>
      <c r="G390" s="20">
        <v>1395</v>
      </c>
      <c r="H390" s="20">
        <v>7739</v>
      </c>
      <c r="I390" s="20">
        <v>100</v>
      </c>
      <c r="J390" s="20">
        <v>210</v>
      </c>
    </row>
    <row r="391" spans="2:10" ht="15" customHeight="1">
      <c r="B391" s="14" t="s">
        <v>81</v>
      </c>
      <c r="C391" s="21">
        <v>267</v>
      </c>
      <c r="D391" s="21">
        <v>4272</v>
      </c>
      <c r="E391" s="21">
        <v>1128</v>
      </c>
      <c r="F391" s="21">
        <v>3467</v>
      </c>
      <c r="G391" s="21">
        <v>1395</v>
      </c>
      <c r="H391" s="21">
        <v>7739</v>
      </c>
      <c r="I391" s="21">
        <v>100</v>
      </c>
      <c r="J391" s="21">
        <v>210</v>
      </c>
    </row>
    <row r="392" spans="2:10" ht="15" customHeight="1">
      <c r="B392" s="14" t="s">
        <v>82</v>
      </c>
      <c r="C392" s="21">
        <v>0</v>
      </c>
      <c r="D392" s="21">
        <v>0</v>
      </c>
      <c r="E392" s="21">
        <v>0</v>
      </c>
      <c r="F392" s="21">
        <v>0</v>
      </c>
      <c r="G392" s="21">
        <v>0</v>
      </c>
      <c r="H392" s="21">
        <v>0</v>
      </c>
      <c r="I392" s="21">
        <v>0</v>
      </c>
      <c r="J392" s="21">
        <v>0</v>
      </c>
    </row>
    <row r="393" spans="2:10" ht="15" customHeight="1">
      <c r="B393" s="5" t="s">
        <v>62</v>
      </c>
      <c r="C393" s="6">
        <v>700</v>
      </c>
      <c r="D393" s="6">
        <v>700</v>
      </c>
      <c r="E393" s="6">
        <v>0</v>
      </c>
      <c r="F393" s="6">
        <v>0</v>
      </c>
      <c r="G393" s="6">
        <v>700</v>
      </c>
      <c r="H393" s="6">
        <v>700</v>
      </c>
      <c r="I393" s="6">
        <v>0</v>
      </c>
      <c r="J393" s="6">
        <v>0</v>
      </c>
    </row>
    <row r="394" spans="2:10" ht="15" customHeight="1">
      <c r="B394" s="16" t="s">
        <v>75</v>
      </c>
      <c r="C394" s="20">
        <v>0</v>
      </c>
      <c r="D394" s="20">
        <v>0</v>
      </c>
      <c r="E394" s="20">
        <v>0</v>
      </c>
      <c r="F394" s="20">
        <v>0</v>
      </c>
      <c r="G394" s="20">
        <v>0</v>
      </c>
      <c r="H394" s="20">
        <v>0</v>
      </c>
      <c r="I394" s="20">
        <v>0</v>
      </c>
      <c r="J394" s="20">
        <v>0</v>
      </c>
    </row>
    <row r="395" spans="2:10" ht="15" customHeight="1">
      <c r="B395" s="7" t="s">
        <v>81</v>
      </c>
      <c r="C395" s="8">
        <v>0</v>
      </c>
      <c r="D395" s="8">
        <v>0</v>
      </c>
      <c r="E395" s="8">
        <v>0</v>
      </c>
      <c r="F395" s="8">
        <v>0</v>
      </c>
      <c r="G395" s="8">
        <v>0</v>
      </c>
      <c r="H395" s="8">
        <v>0</v>
      </c>
      <c r="I395" s="8">
        <v>0</v>
      </c>
      <c r="J395" s="8">
        <v>0</v>
      </c>
    </row>
    <row r="396" spans="2:10" ht="15" customHeight="1">
      <c r="B396" s="9" t="s">
        <v>77</v>
      </c>
      <c r="C396" s="10">
        <v>0</v>
      </c>
      <c r="D396" s="10">
        <v>0</v>
      </c>
      <c r="E396" s="10">
        <v>0</v>
      </c>
      <c r="F396" s="10">
        <v>0</v>
      </c>
      <c r="G396" s="10">
        <v>0</v>
      </c>
      <c r="H396" s="10">
        <v>0</v>
      </c>
      <c r="I396" s="10">
        <v>0</v>
      </c>
      <c r="J396" s="10">
        <v>0</v>
      </c>
    </row>
    <row r="397" spans="2:10" ht="15" customHeight="1">
      <c r="B397" s="9" t="s">
        <v>78</v>
      </c>
      <c r="C397" s="10">
        <v>0</v>
      </c>
      <c r="D397" s="10">
        <v>0</v>
      </c>
      <c r="E397" s="10">
        <v>0</v>
      </c>
      <c r="F397" s="10">
        <v>0</v>
      </c>
      <c r="G397" s="10">
        <v>0</v>
      </c>
      <c r="H397" s="10">
        <v>0</v>
      </c>
      <c r="I397" s="10">
        <v>0</v>
      </c>
      <c r="J397" s="10">
        <v>0</v>
      </c>
    </row>
    <row r="398" spans="2:10" ht="15" customHeight="1">
      <c r="B398" s="7" t="s">
        <v>82</v>
      </c>
      <c r="C398" s="8">
        <v>0</v>
      </c>
      <c r="D398" s="8">
        <v>0</v>
      </c>
      <c r="E398" s="8">
        <v>0</v>
      </c>
      <c r="F398" s="8">
        <v>0</v>
      </c>
      <c r="G398" s="8">
        <v>0</v>
      </c>
      <c r="H398" s="8">
        <v>0</v>
      </c>
      <c r="I398" s="8">
        <v>0</v>
      </c>
      <c r="J398" s="8">
        <v>0</v>
      </c>
    </row>
    <row r="399" spans="2:10" ht="15" customHeight="1">
      <c r="B399" s="16" t="s">
        <v>80</v>
      </c>
      <c r="C399" s="20">
        <v>700</v>
      </c>
      <c r="D399" s="20">
        <v>700</v>
      </c>
      <c r="E399" s="20">
        <v>0</v>
      </c>
      <c r="F399" s="20">
        <v>0</v>
      </c>
      <c r="G399" s="20">
        <v>700</v>
      </c>
      <c r="H399" s="20">
        <v>700</v>
      </c>
      <c r="I399" s="20">
        <v>0</v>
      </c>
      <c r="J399" s="20">
        <v>0</v>
      </c>
    </row>
    <row r="400" spans="2:10" ht="15" customHeight="1">
      <c r="B400" s="14" t="s">
        <v>81</v>
      </c>
      <c r="C400" s="21">
        <v>700</v>
      </c>
      <c r="D400" s="21">
        <v>700</v>
      </c>
      <c r="E400" s="21">
        <v>0</v>
      </c>
      <c r="F400" s="21">
        <v>0</v>
      </c>
      <c r="G400" s="21">
        <v>700</v>
      </c>
      <c r="H400" s="21">
        <v>700</v>
      </c>
      <c r="I400" s="21">
        <v>0</v>
      </c>
      <c r="J400" s="21">
        <v>0</v>
      </c>
    </row>
    <row r="401" spans="2:10" ht="15" customHeight="1">
      <c r="B401" s="14" t="s">
        <v>82</v>
      </c>
      <c r="C401" s="21">
        <v>0</v>
      </c>
      <c r="D401" s="21">
        <v>0</v>
      </c>
      <c r="E401" s="21">
        <v>0</v>
      </c>
      <c r="F401" s="21">
        <v>0</v>
      </c>
      <c r="G401" s="21">
        <v>0</v>
      </c>
      <c r="H401" s="21">
        <v>0</v>
      </c>
      <c r="I401" s="21">
        <v>0</v>
      </c>
      <c r="J401" s="21">
        <v>0</v>
      </c>
    </row>
    <row r="402" spans="2:10" ht="15" customHeight="1">
      <c r="B402" s="5" t="s">
        <v>88</v>
      </c>
      <c r="C402" s="6">
        <v>101743</v>
      </c>
      <c r="D402" s="6">
        <v>293963</v>
      </c>
      <c r="E402" s="6">
        <v>205316</v>
      </c>
      <c r="F402" s="6">
        <v>591178</v>
      </c>
      <c r="G402" s="6">
        <v>307059</v>
      </c>
      <c r="H402" s="6">
        <v>885141</v>
      </c>
      <c r="I402" s="6">
        <v>66992</v>
      </c>
      <c r="J402" s="6">
        <v>184935</v>
      </c>
    </row>
    <row r="403" spans="2:10" ht="15" customHeight="1">
      <c r="B403" s="16" t="s">
        <v>75</v>
      </c>
      <c r="C403" s="20">
        <v>100520</v>
      </c>
      <c r="D403" s="20">
        <v>287130</v>
      </c>
      <c r="E403" s="20">
        <v>204021</v>
      </c>
      <c r="F403" s="20">
        <v>580216</v>
      </c>
      <c r="G403" s="20">
        <v>304541</v>
      </c>
      <c r="H403" s="20">
        <v>867346</v>
      </c>
      <c r="I403" s="20">
        <v>64643</v>
      </c>
      <c r="J403" s="20">
        <v>179366</v>
      </c>
    </row>
    <row r="404" spans="2:10" ht="15" customHeight="1">
      <c r="B404" s="7" t="s">
        <v>81</v>
      </c>
      <c r="C404" s="8">
        <v>100520</v>
      </c>
      <c r="D404" s="8">
        <v>287130</v>
      </c>
      <c r="E404" s="8">
        <v>204021</v>
      </c>
      <c r="F404" s="8">
        <v>580216</v>
      </c>
      <c r="G404" s="8">
        <v>304541</v>
      </c>
      <c r="H404" s="8">
        <v>867346</v>
      </c>
      <c r="I404" s="8">
        <v>64643</v>
      </c>
      <c r="J404" s="8">
        <v>179366</v>
      </c>
    </row>
    <row r="405" spans="2:10" ht="15" customHeight="1">
      <c r="B405" s="9" t="s">
        <v>77</v>
      </c>
      <c r="C405" s="10">
        <v>73967</v>
      </c>
      <c r="D405" s="10">
        <v>198677</v>
      </c>
      <c r="E405" s="10">
        <v>114048</v>
      </c>
      <c r="F405" s="10">
        <v>319872</v>
      </c>
      <c r="G405" s="10">
        <v>188015</v>
      </c>
      <c r="H405" s="10">
        <v>518549</v>
      </c>
      <c r="I405" s="10">
        <v>55665</v>
      </c>
      <c r="J405" s="10">
        <v>156941</v>
      </c>
    </row>
    <row r="406" spans="2:10" ht="15" customHeight="1">
      <c r="B406" s="9" t="s">
        <v>78</v>
      </c>
      <c r="C406" s="10">
        <v>26553</v>
      </c>
      <c r="D406" s="10">
        <v>88453</v>
      </c>
      <c r="E406" s="10">
        <v>89973</v>
      </c>
      <c r="F406" s="10">
        <v>260344</v>
      </c>
      <c r="G406" s="10">
        <v>116526</v>
      </c>
      <c r="H406" s="10">
        <v>348797</v>
      </c>
      <c r="I406" s="10">
        <v>8978</v>
      </c>
      <c r="J406" s="10">
        <v>22425</v>
      </c>
    </row>
    <row r="407" spans="2:10" ht="15" customHeight="1">
      <c r="B407" s="7" t="s">
        <v>82</v>
      </c>
      <c r="C407" s="8">
        <v>0</v>
      </c>
      <c r="D407" s="8">
        <v>0</v>
      </c>
      <c r="E407" s="8">
        <v>0</v>
      </c>
      <c r="F407" s="8">
        <v>0</v>
      </c>
      <c r="G407" s="8">
        <v>0</v>
      </c>
      <c r="H407" s="8">
        <v>0</v>
      </c>
      <c r="I407" s="8">
        <v>0</v>
      </c>
      <c r="J407" s="8">
        <v>0</v>
      </c>
    </row>
    <row r="408" spans="2:10" ht="15" customHeight="1">
      <c r="B408" s="16" t="s">
        <v>80</v>
      </c>
      <c r="C408" s="20">
        <v>1223</v>
      </c>
      <c r="D408" s="20">
        <v>6833</v>
      </c>
      <c r="E408" s="20">
        <v>1295</v>
      </c>
      <c r="F408" s="20">
        <v>10962</v>
      </c>
      <c r="G408" s="20">
        <v>2518</v>
      </c>
      <c r="H408" s="20">
        <v>17795</v>
      </c>
      <c r="I408" s="20">
        <v>2349</v>
      </c>
      <c r="J408" s="20">
        <v>5569</v>
      </c>
    </row>
    <row r="409" spans="2:10" ht="15" customHeight="1">
      <c r="B409" s="14" t="s">
        <v>81</v>
      </c>
      <c r="C409" s="21">
        <v>1223</v>
      </c>
      <c r="D409" s="21">
        <v>6833</v>
      </c>
      <c r="E409" s="21">
        <v>1295</v>
      </c>
      <c r="F409" s="21">
        <v>10962</v>
      </c>
      <c r="G409" s="21">
        <v>2518</v>
      </c>
      <c r="H409" s="21">
        <v>17795</v>
      </c>
      <c r="I409" s="21">
        <v>2349</v>
      </c>
      <c r="J409" s="21">
        <v>5569</v>
      </c>
    </row>
    <row r="410" spans="2:10" ht="15" customHeight="1">
      <c r="B410" s="14" t="s">
        <v>82</v>
      </c>
      <c r="C410" s="21">
        <v>0</v>
      </c>
      <c r="D410" s="21">
        <v>0</v>
      </c>
      <c r="E410" s="21">
        <v>0</v>
      </c>
      <c r="F410" s="21">
        <v>0</v>
      </c>
      <c r="G410" s="21">
        <v>0</v>
      </c>
      <c r="H410" s="21">
        <v>0</v>
      </c>
      <c r="I410" s="21">
        <v>0</v>
      </c>
      <c r="J410" s="21">
        <v>0</v>
      </c>
    </row>
    <row r="411" spans="2:10" ht="15" customHeight="1">
      <c r="B411" s="5" t="s">
        <v>63</v>
      </c>
      <c r="C411" s="6">
        <v>139233</v>
      </c>
      <c r="D411" s="6">
        <v>266959</v>
      </c>
      <c r="E411" s="6">
        <v>249258</v>
      </c>
      <c r="F411" s="6">
        <v>547408</v>
      </c>
      <c r="G411" s="6">
        <v>388491</v>
      </c>
      <c r="H411" s="6">
        <v>814367</v>
      </c>
      <c r="I411" s="6">
        <v>7043</v>
      </c>
      <c r="J411" s="6">
        <v>70021</v>
      </c>
    </row>
    <row r="412" spans="2:10" ht="15" customHeight="1">
      <c r="B412" s="16" t="s">
        <v>75</v>
      </c>
      <c r="C412" s="20">
        <v>81693</v>
      </c>
      <c r="D412" s="20">
        <v>200067</v>
      </c>
      <c r="E412" s="20">
        <v>186226</v>
      </c>
      <c r="F412" s="20">
        <v>455512</v>
      </c>
      <c r="G412" s="20">
        <v>267919</v>
      </c>
      <c r="H412" s="20">
        <v>655579</v>
      </c>
      <c r="I412" s="20">
        <v>7043</v>
      </c>
      <c r="J412" s="20">
        <v>70021</v>
      </c>
    </row>
    <row r="413" spans="2:10" ht="15" customHeight="1">
      <c r="B413" s="7" t="s">
        <v>81</v>
      </c>
      <c r="C413" s="8">
        <v>81693</v>
      </c>
      <c r="D413" s="8">
        <v>200067</v>
      </c>
      <c r="E413" s="8">
        <v>186226</v>
      </c>
      <c r="F413" s="8">
        <v>455512</v>
      </c>
      <c r="G413" s="8">
        <v>267919</v>
      </c>
      <c r="H413" s="8">
        <v>655579</v>
      </c>
      <c r="I413" s="8">
        <v>7043</v>
      </c>
      <c r="J413" s="8">
        <v>70021</v>
      </c>
    </row>
    <row r="414" spans="2:10" ht="15" customHeight="1">
      <c r="B414" s="9" t="s">
        <v>77</v>
      </c>
      <c r="C414" s="10">
        <v>81693</v>
      </c>
      <c r="D414" s="10">
        <v>200067</v>
      </c>
      <c r="E414" s="10">
        <v>186226</v>
      </c>
      <c r="F414" s="10">
        <v>455512</v>
      </c>
      <c r="G414" s="10">
        <v>267919</v>
      </c>
      <c r="H414" s="10">
        <v>655579</v>
      </c>
      <c r="I414" s="10">
        <v>7043</v>
      </c>
      <c r="J414" s="10">
        <v>70021</v>
      </c>
    </row>
    <row r="415" spans="2:10" ht="15" customHeight="1">
      <c r="B415" s="9" t="s">
        <v>78</v>
      </c>
      <c r="C415" s="10">
        <v>0</v>
      </c>
      <c r="D415" s="10">
        <v>0</v>
      </c>
      <c r="E415" s="10">
        <v>0</v>
      </c>
      <c r="F415" s="10">
        <v>0</v>
      </c>
      <c r="G415" s="10">
        <v>0</v>
      </c>
      <c r="H415" s="10">
        <v>0</v>
      </c>
      <c r="I415" s="10">
        <v>0</v>
      </c>
      <c r="J415" s="10">
        <v>0</v>
      </c>
    </row>
    <row r="416" spans="2:10" ht="15" customHeight="1">
      <c r="B416" s="7" t="s">
        <v>82</v>
      </c>
      <c r="C416" s="8">
        <v>0</v>
      </c>
      <c r="D416" s="8">
        <v>0</v>
      </c>
      <c r="E416" s="8">
        <v>0</v>
      </c>
      <c r="F416" s="8">
        <v>0</v>
      </c>
      <c r="G416" s="8">
        <v>0</v>
      </c>
      <c r="H416" s="8">
        <v>0</v>
      </c>
      <c r="I416" s="8">
        <v>0</v>
      </c>
      <c r="J416" s="8">
        <v>0</v>
      </c>
    </row>
    <row r="417" spans="2:10" ht="15" customHeight="1">
      <c r="B417" s="16" t="s">
        <v>80</v>
      </c>
      <c r="C417" s="20">
        <v>57540</v>
      </c>
      <c r="D417" s="20">
        <v>66892</v>
      </c>
      <c r="E417" s="20">
        <v>63032</v>
      </c>
      <c r="F417" s="20">
        <v>91896</v>
      </c>
      <c r="G417" s="20">
        <v>120572</v>
      </c>
      <c r="H417" s="20">
        <v>158788</v>
      </c>
      <c r="I417" s="20">
        <v>0</v>
      </c>
      <c r="J417" s="20">
        <v>0</v>
      </c>
    </row>
    <row r="418" spans="2:10" ht="15" customHeight="1">
      <c r="B418" s="14" t="s">
        <v>81</v>
      </c>
      <c r="C418" s="21">
        <v>57540</v>
      </c>
      <c r="D418" s="21">
        <v>66892</v>
      </c>
      <c r="E418" s="21">
        <v>63032</v>
      </c>
      <c r="F418" s="21">
        <v>91896</v>
      </c>
      <c r="G418" s="21">
        <v>120572</v>
      </c>
      <c r="H418" s="21">
        <v>158788</v>
      </c>
      <c r="I418" s="21">
        <v>0</v>
      </c>
      <c r="J418" s="21">
        <v>0</v>
      </c>
    </row>
    <row r="419" spans="2:10" ht="15" customHeight="1">
      <c r="B419" s="14" t="s">
        <v>82</v>
      </c>
      <c r="C419" s="21">
        <v>0</v>
      </c>
      <c r="D419" s="21">
        <v>0</v>
      </c>
      <c r="E419" s="21">
        <v>0</v>
      </c>
      <c r="F419" s="21">
        <v>0</v>
      </c>
      <c r="G419" s="21">
        <v>0</v>
      </c>
      <c r="H419" s="21">
        <v>0</v>
      </c>
      <c r="I419" s="21">
        <v>0</v>
      </c>
      <c r="J419" s="21">
        <v>0</v>
      </c>
    </row>
    <row r="420" spans="2:10" ht="15" customHeight="1">
      <c r="B420" s="5" t="s">
        <v>64</v>
      </c>
      <c r="C420" s="6">
        <v>1536164</v>
      </c>
      <c r="D420" s="6">
        <v>4034582</v>
      </c>
      <c r="E420" s="6">
        <v>1373307</v>
      </c>
      <c r="F420" s="6">
        <v>3559699</v>
      </c>
      <c r="G420" s="6">
        <v>2909471</v>
      </c>
      <c r="H420" s="6">
        <v>7594281</v>
      </c>
      <c r="I420" s="6">
        <v>1311712</v>
      </c>
      <c r="J420" s="6">
        <v>3369259</v>
      </c>
    </row>
    <row r="421" spans="2:10" ht="15" customHeight="1">
      <c r="B421" s="16" t="s">
        <v>75</v>
      </c>
      <c r="C421" s="20">
        <v>1535014</v>
      </c>
      <c r="D421" s="20">
        <v>4031555</v>
      </c>
      <c r="E421" s="20">
        <v>1371904</v>
      </c>
      <c r="F421" s="20">
        <v>3552440</v>
      </c>
      <c r="G421" s="20">
        <v>2906918</v>
      </c>
      <c r="H421" s="20">
        <v>7583995</v>
      </c>
      <c r="I421" s="20">
        <v>1310309</v>
      </c>
      <c r="J421" s="20">
        <v>3362235</v>
      </c>
    </row>
    <row r="422" spans="2:10" ht="15" customHeight="1">
      <c r="B422" s="7" t="s">
        <v>81</v>
      </c>
      <c r="C422" s="8">
        <v>1535014</v>
      </c>
      <c r="D422" s="8">
        <v>4031555</v>
      </c>
      <c r="E422" s="8">
        <v>1371904</v>
      </c>
      <c r="F422" s="8">
        <v>3552440</v>
      </c>
      <c r="G422" s="8">
        <v>2906918</v>
      </c>
      <c r="H422" s="8">
        <v>7583995</v>
      </c>
      <c r="I422" s="8">
        <v>1310309</v>
      </c>
      <c r="J422" s="8">
        <v>3362235</v>
      </c>
    </row>
    <row r="423" spans="2:10" ht="15" customHeight="1">
      <c r="B423" s="9" t="s">
        <v>77</v>
      </c>
      <c r="C423" s="10">
        <v>1535014</v>
      </c>
      <c r="D423" s="10">
        <v>4031555</v>
      </c>
      <c r="E423" s="10">
        <v>1371904</v>
      </c>
      <c r="F423" s="10">
        <v>3552440</v>
      </c>
      <c r="G423" s="10">
        <v>2906918</v>
      </c>
      <c r="H423" s="10">
        <v>7583995</v>
      </c>
      <c r="I423" s="10">
        <v>1310309</v>
      </c>
      <c r="J423" s="10">
        <v>3362235</v>
      </c>
    </row>
    <row r="424" spans="2:10" ht="15" customHeight="1">
      <c r="B424" s="9" t="s">
        <v>78</v>
      </c>
      <c r="C424" s="10">
        <v>0</v>
      </c>
      <c r="D424" s="10">
        <v>0</v>
      </c>
      <c r="E424" s="10">
        <v>0</v>
      </c>
      <c r="F424" s="10">
        <v>0</v>
      </c>
      <c r="G424" s="10">
        <v>0</v>
      </c>
      <c r="H424" s="10">
        <v>0</v>
      </c>
      <c r="I424" s="10">
        <v>0</v>
      </c>
      <c r="J424" s="10">
        <v>0</v>
      </c>
    </row>
    <row r="425" spans="2:10" ht="15" customHeight="1">
      <c r="B425" s="7" t="s">
        <v>82</v>
      </c>
      <c r="C425" s="8">
        <v>0</v>
      </c>
      <c r="D425" s="8">
        <v>0</v>
      </c>
      <c r="E425" s="8">
        <v>0</v>
      </c>
      <c r="F425" s="8">
        <v>0</v>
      </c>
      <c r="G425" s="8">
        <v>0</v>
      </c>
      <c r="H425" s="8">
        <v>0</v>
      </c>
      <c r="I425" s="8">
        <v>0</v>
      </c>
      <c r="J425" s="8">
        <v>0</v>
      </c>
    </row>
    <row r="426" spans="2:10" ht="15" customHeight="1">
      <c r="B426" s="16" t="s">
        <v>80</v>
      </c>
      <c r="C426" s="20">
        <v>1150</v>
      </c>
      <c r="D426" s="20">
        <v>3027</v>
      </c>
      <c r="E426" s="20">
        <v>1403</v>
      </c>
      <c r="F426" s="20">
        <v>7259</v>
      </c>
      <c r="G426" s="20">
        <v>2553</v>
      </c>
      <c r="H426" s="20">
        <v>10286</v>
      </c>
      <c r="I426" s="20">
        <v>1403</v>
      </c>
      <c r="J426" s="20">
        <v>7024</v>
      </c>
    </row>
    <row r="427" spans="2:10" ht="15" customHeight="1">
      <c r="B427" s="14" t="s">
        <v>81</v>
      </c>
      <c r="C427" s="21">
        <v>1150</v>
      </c>
      <c r="D427" s="21">
        <v>3027</v>
      </c>
      <c r="E427" s="21">
        <v>1403</v>
      </c>
      <c r="F427" s="21">
        <v>7259</v>
      </c>
      <c r="G427" s="21">
        <v>2553</v>
      </c>
      <c r="H427" s="21">
        <v>10286</v>
      </c>
      <c r="I427" s="21">
        <v>1403</v>
      </c>
      <c r="J427" s="21">
        <v>7024</v>
      </c>
    </row>
    <row r="428" spans="2:10" ht="15" customHeight="1">
      <c r="B428" s="14" t="s">
        <v>82</v>
      </c>
      <c r="C428" s="21">
        <v>0</v>
      </c>
      <c r="D428" s="21">
        <v>0</v>
      </c>
      <c r="E428" s="21">
        <v>0</v>
      </c>
      <c r="F428" s="21">
        <v>0</v>
      </c>
      <c r="G428" s="21">
        <v>0</v>
      </c>
      <c r="H428" s="21">
        <v>0</v>
      </c>
      <c r="I428" s="21">
        <v>0</v>
      </c>
      <c r="J428" s="21">
        <v>0</v>
      </c>
    </row>
    <row r="429" spans="2:10" ht="15" customHeight="1">
      <c r="B429" s="5" t="s">
        <v>65</v>
      </c>
      <c r="C429" s="6">
        <v>73639</v>
      </c>
      <c r="D429" s="6">
        <v>188544</v>
      </c>
      <c r="E429" s="6">
        <v>152782</v>
      </c>
      <c r="F429" s="6">
        <v>382970</v>
      </c>
      <c r="G429" s="6">
        <v>226421</v>
      </c>
      <c r="H429" s="6">
        <v>571514</v>
      </c>
      <c r="I429" s="6">
        <v>47300</v>
      </c>
      <c r="J429" s="6">
        <v>115359</v>
      </c>
    </row>
    <row r="430" spans="2:10" ht="15" customHeight="1">
      <c r="B430" s="16" t="s">
        <v>75</v>
      </c>
      <c r="C430" s="20">
        <v>71218</v>
      </c>
      <c r="D430" s="20">
        <v>184769</v>
      </c>
      <c r="E430" s="20">
        <v>143308</v>
      </c>
      <c r="F430" s="20">
        <v>356408</v>
      </c>
      <c r="G430" s="20">
        <v>214526</v>
      </c>
      <c r="H430" s="20">
        <v>541177</v>
      </c>
      <c r="I430" s="20">
        <v>47300</v>
      </c>
      <c r="J430" s="20">
        <v>114595</v>
      </c>
    </row>
    <row r="431" spans="2:10" ht="15" customHeight="1">
      <c r="B431" s="7" t="s">
        <v>81</v>
      </c>
      <c r="C431" s="8">
        <v>71218</v>
      </c>
      <c r="D431" s="8">
        <v>184769</v>
      </c>
      <c r="E431" s="8">
        <v>143308</v>
      </c>
      <c r="F431" s="8">
        <v>356408</v>
      </c>
      <c r="G431" s="8">
        <v>214526</v>
      </c>
      <c r="H431" s="8">
        <v>541177</v>
      </c>
      <c r="I431" s="8">
        <v>47300</v>
      </c>
      <c r="J431" s="8">
        <v>114595</v>
      </c>
    </row>
    <row r="432" spans="2:10" ht="15" customHeight="1">
      <c r="B432" s="9" t="s">
        <v>77</v>
      </c>
      <c r="C432" s="10">
        <v>71218</v>
      </c>
      <c r="D432" s="10">
        <v>184769</v>
      </c>
      <c r="E432" s="10">
        <v>143308</v>
      </c>
      <c r="F432" s="10">
        <v>356408</v>
      </c>
      <c r="G432" s="10">
        <v>214526</v>
      </c>
      <c r="H432" s="10">
        <v>541177</v>
      </c>
      <c r="I432" s="10">
        <v>47300</v>
      </c>
      <c r="J432" s="10">
        <v>114595</v>
      </c>
    </row>
    <row r="433" spans="2:10" ht="15" customHeight="1">
      <c r="B433" s="9" t="s">
        <v>78</v>
      </c>
      <c r="C433" s="10">
        <v>0</v>
      </c>
      <c r="D433" s="10">
        <v>0</v>
      </c>
      <c r="E433" s="10">
        <v>0</v>
      </c>
      <c r="F433" s="10">
        <v>0</v>
      </c>
      <c r="G433" s="10">
        <v>0</v>
      </c>
      <c r="H433" s="10">
        <v>0</v>
      </c>
      <c r="I433" s="10">
        <v>0</v>
      </c>
      <c r="J433" s="10">
        <v>0</v>
      </c>
    </row>
    <row r="434" spans="2:10" ht="15" customHeight="1">
      <c r="B434" s="7" t="s">
        <v>82</v>
      </c>
      <c r="C434" s="8">
        <v>0</v>
      </c>
      <c r="D434" s="8">
        <v>0</v>
      </c>
      <c r="E434" s="8">
        <v>0</v>
      </c>
      <c r="F434" s="8">
        <v>0</v>
      </c>
      <c r="G434" s="8">
        <v>0</v>
      </c>
      <c r="H434" s="8">
        <v>0</v>
      </c>
      <c r="I434" s="8">
        <v>0</v>
      </c>
      <c r="J434" s="8">
        <v>0</v>
      </c>
    </row>
    <row r="435" spans="2:10" ht="15" customHeight="1">
      <c r="B435" s="16" t="s">
        <v>80</v>
      </c>
      <c r="C435" s="20">
        <v>2421</v>
      </c>
      <c r="D435" s="20">
        <v>3775</v>
      </c>
      <c r="E435" s="20">
        <v>9474</v>
      </c>
      <c r="F435" s="20">
        <v>26562</v>
      </c>
      <c r="G435" s="20">
        <v>11895</v>
      </c>
      <c r="H435" s="20">
        <v>30337</v>
      </c>
      <c r="I435" s="20">
        <v>0</v>
      </c>
      <c r="J435" s="20">
        <v>764</v>
      </c>
    </row>
    <row r="436" spans="2:10" ht="15" customHeight="1">
      <c r="B436" s="14" t="s">
        <v>81</v>
      </c>
      <c r="C436" s="21">
        <v>2421</v>
      </c>
      <c r="D436" s="21">
        <v>3775</v>
      </c>
      <c r="E436" s="21">
        <v>9474</v>
      </c>
      <c r="F436" s="21">
        <v>26562</v>
      </c>
      <c r="G436" s="21">
        <v>11895</v>
      </c>
      <c r="H436" s="21">
        <v>30337</v>
      </c>
      <c r="I436" s="21">
        <v>0</v>
      </c>
      <c r="J436" s="21">
        <v>764</v>
      </c>
    </row>
    <row r="437" spans="2:10" ht="15" customHeight="1">
      <c r="B437" s="14" t="s">
        <v>82</v>
      </c>
      <c r="C437" s="21">
        <v>0</v>
      </c>
      <c r="D437" s="21">
        <v>0</v>
      </c>
      <c r="E437" s="21">
        <v>0</v>
      </c>
      <c r="F437" s="21">
        <v>0</v>
      </c>
      <c r="G437" s="21">
        <v>0</v>
      </c>
      <c r="H437" s="21">
        <v>0</v>
      </c>
      <c r="I437" s="21">
        <v>0</v>
      </c>
      <c r="J437" s="21">
        <v>0</v>
      </c>
    </row>
    <row r="438" spans="2:10" ht="15" customHeight="1">
      <c r="B438" s="5" t="s">
        <v>66</v>
      </c>
      <c r="C438" s="6">
        <v>2652</v>
      </c>
      <c r="D438" s="6">
        <v>6440</v>
      </c>
      <c r="E438" s="6">
        <v>1997</v>
      </c>
      <c r="F438" s="6">
        <v>4179</v>
      </c>
      <c r="G438" s="6">
        <v>4649</v>
      </c>
      <c r="H438" s="6">
        <v>10619</v>
      </c>
      <c r="I438" s="6">
        <v>2770</v>
      </c>
      <c r="J438" s="6">
        <v>10005</v>
      </c>
    </row>
    <row r="439" spans="2:10" ht="15" customHeight="1">
      <c r="B439" s="16" t="s">
        <v>75</v>
      </c>
      <c r="C439" s="20">
        <v>113</v>
      </c>
      <c r="D439" s="20">
        <v>931</v>
      </c>
      <c r="E439" s="20">
        <v>702</v>
      </c>
      <c r="F439" s="20">
        <v>1594</v>
      </c>
      <c r="G439" s="20">
        <v>815</v>
      </c>
      <c r="H439" s="20">
        <v>2525</v>
      </c>
      <c r="I439" s="20">
        <v>0</v>
      </c>
      <c r="J439" s="20">
        <v>0</v>
      </c>
    </row>
    <row r="440" spans="2:10" ht="15" customHeight="1">
      <c r="B440" s="7" t="s">
        <v>81</v>
      </c>
      <c r="C440" s="8">
        <v>113</v>
      </c>
      <c r="D440" s="8">
        <v>931</v>
      </c>
      <c r="E440" s="8">
        <v>702</v>
      </c>
      <c r="F440" s="8">
        <v>1594</v>
      </c>
      <c r="G440" s="8">
        <v>815</v>
      </c>
      <c r="H440" s="8">
        <v>2525</v>
      </c>
      <c r="I440" s="8">
        <v>0</v>
      </c>
      <c r="J440" s="8">
        <v>0</v>
      </c>
    </row>
    <row r="441" spans="2:10" ht="15" customHeight="1">
      <c r="B441" s="9" t="s">
        <v>77</v>
      </c>
      <c r="C441" s="10">
        <v>113</v>
      </c>
      <c r="D441" s="10">
        <v>931</v>
      </c>
      <c r="E441" s="10">
        <v>702</v>
      </c>
      <c r="F441" s="10">
        <v>1594</v>
      </c>
      <c r="G441" s="10">
        <v>815</v>
      </c>
      <c r="H441" s="10">
        <v>2525</v>
      </c>
      <c r="I441" s="10">
        <v>0</v>
      </c>
      <c r="J441" s="10">
        <v>0</v>
      </c>
    </row>
    <row r="442" spans="2:10" ht="15" customHeight="1">
      <c r="B442" s="9" t="s">
        <v>78</v>
      </c>
      <c r="C442" s="10">
        <v>0</v>
      </c>
      <c r="D442" s="10">
        <v>0</v>
      </c>
      <c r="E442" s="10">
        <v>0</v>
      </c>
      <c r="F442" s="10">
        <v>0</v>
      </c>
      <c r="G442" s="10">
        <v>0</v>
      </c>
      <c r="H442" s="10">
        <v>0</v>
      </c>
      <c r="I442" s="10">
        <v>0</v>
      </c>
      <c r="J442" s="10">
        <v>0</v>
      </c>
    </row>
    <row r="443" spans="2:10" ht="15" customHeight="1">
      <c r="B443" s="7" t="s">
        <v>82</v>
      </c>
      <c r="C443" s="8">
        <v>0</v>
      </c>
      <c r="D443" s="8">
        <v>0</v>
      </c>
      <c r="E443" s="8">
        <v>0</v>
      </c>
      <c r="F443" s="8">
        <v>0</v>
      </c>
      <c r="G443" s="8">
        <v>0</v>
      </c>
      <c r="H443" s="8">
        <v>0</v>
      </c>
      <c r="I443" s="8">
        <v>0</v>
      </c>
      <c r="J443" s="8">
        <v>0</v>
      </c>
    </row>
    <row r="444" spans="2:10" ht="15" customHeight="1">
      <c r="B444" s="16" t="s">
        <v>80</v>
      </c>
      <c r="C444" s="20">
        <v>2539</v>
      </c>
      <c r="D444" s="20">
        <v>5509</v>
      </c>
      <c r="E444" s="20">
        <v>1295</v>
      </c>
      <c r="F444" s="20">
        <v>2585</v>
      </c>
      <c r="G444" s="20">
        <v>3834</v>
      </c>
      <c r="H444" s="20">
        <v>8094</v>
      </c>
      <c r="I444" s="20">
        <v>2770</v>
      </c>
      <c r="J444" s="20">
        <v>10005</v>
      </c>
    </row>
    <row r="445" spans="2:10" ht="15" customHeight="1">
      <c r="B445" s="14" t="s">
        <v>81</v>
      </c>
      <c r="C445" s="21">
        <v>2539</v>
      </c>
      <c r="D445" s="21">
        <v>5509</v>
      </c>
      <c r="E445" s="21">
        <v>1295</v>
      </c>
      <c r="F445" s="21">
        <v>2585</v>
      </c>
      <c r="G445" s="21">
        <v>3834</v>
      </c>
      <c r="H445" s="21">
        <v>8094</v>
      </c>
      <c r="I445" s="21">
        <v>2770</v>
      </c>
      <c r="J445" s="21">
        <v>10005</v>
      </c>
    </row>
    <row r="446" spans="2:10" ht="15" customHeight="1">
      <c r="B446" s="14" t="s">
        <v>82</v>
      </c>
      <c r="C446" s="21">
        <v>0</v>
      </c>
      <c r="D446" s="21">
        <v>0</v>
      </c>
      <c r="E446" s="21">
        <v>0</v>
      </c>
      <c r="F446" s="21">
        <v>0</v>
      </c>
      <c r="G446" s="21">
        <v>0</v>
      </c>
      <c r="H446" s="21">
        <v>0</v>
      </c>
      <c r="I446" s="21">
        <v>0</v>
      </c>
      <c r="J446" s="21">
        <v>0</v>
      </c>
    </row>
    <row r="447" spans="2:10" ht="15" customHeight="1">
      <c r="B447" s="5" t="s">
        <v>67</v>
      </c>
      <c r="C447" s="6">
        <v>749</v>
      </c>
      <c r="D447" s="6">
        <v>8018</v>
      </c>
      <c r="E447" s="6">
        <v>4026</v>
      </c>
      <c r="F447" s="6">
        <v>8170</v>
      </c>
      <c r="G447" s="6">
        <v>4775</v>
      </c>
      <c r="H447" s="6">
        <v>16188</v>
      </c>
      <c r="I447" s="6">
        <v>0</v>
      </c>
      <c r="J447" s="6">
        <v>0</v>
      </c>
    </row>
    <row r="448" spans="2:10" ht="15" customHeight="1">
      <c r="B448" s="16" t="s">
        <v>75</v>
      </c>
      <c r="C448" s="20">
        <v>349</v>
      </c>
      <c r="D448" s="20">
        <v>5203</v>
      </c>
      <c r="E448" s="20">
        <v>3576</v>
      </c>
      <c r="F448" s="20">
        <v>7400</v>
      </c>
      <c r="G448" s="20">
        <v>3925</v>
      </c>
      <c r="H448" s="20">
        <v>12603</v>
      </c>
      <c r="I448" s="20">
        <v>0</v>
      </c>
      <c r="J448" s="20">
        <v>0</v>
      </c>
    </row>
    <row r="449" spans="2:10" ht="15" customHeight="1">
      <c r="B449" s="7" t="s">
        <v>81</v>
      </c>
      <c r="C449" s="8">
        <v>349</v>
      </c>
      <c r="D449" s="8">
        <v>5203</v>
      </c>
      <c r="E449" s="8">
        <v>3576</v>
      </c>
      <c r="F449" s="8">
        <v>7400</v>
      </c>
      <c r="G449" s="8">
        <v>3925</v>
      </c>
      <c r="H449" s="8">
        <v>12603</v>
      </c>
      <c r="I449" s="8">
        <v>0</v>
      </c>
      <c r="J449" s="8">
        <v>0</v>
      </c>
    </row>
    <row r="450" spans="2:10" ht="15" customHeight="1">
      <c r="B450" s="9" t="s">
        <v>77</v>
      </c>
      <c r="C450" s="10">
        <v>349</v>
      </c>
      <c r="D450" s="10">
        <v>5203</v>
      </c>
      <c r="E450" s="10">
        <v>3576</v>
      </c>
      <c r="F450" s="10">
        <v>7400</v>
      </c>
      <c r="G450" s="10">
        <v>3925</v>
      </c>
      <c r="H450" s="10">
        <v>12603</v>
      </c>
      <c r="I450" s="10">
        <v>0</v>
      </c>
      <c r="J450" s="10">
        <v>0</v>
      </c>
    </row>
    <row r="451" spans="2:10" ht="15" customHeight="1">
      <c r="B451" s="9" t="s">
        <v>78</v>
      </c>
      <c r="C451" s="10">
        <v>0</v>
      </c>
      <c r="D451" s="10">
        <v>0</v>
      </c>
      <c r="E451" s="10">
        <v>0</v>
      </c>
      <c r="F451" s="10">
        <v>0</v>
      </c>
      <c r="G451" s="10">
        <v>0</v>
      </c>
      <c r="H451" s="10">
        <v>0</v>
      </c>
      <c r="I451" s="10">
        <v>0</v>
      </c>
      <c r="J451" s="10">
        <v>0</v>
      </c>
    </row>
    <row r="452" spans="2:10" ht="15" customHeight="1">
      <c r="B452" s="7" t="s">
        <v>82</v>
      </c>
      <c r="C452" s="8">
        <v>0</v>
      </c>
      <c r="D452" s="8">
        <v>0</v>
      </c>
      <c r="E452" s="8">
        <v>0</v>
      </c>
      <c r="F452" s="8">
        <v>0</v>
      </c>
      <c r="G452" s="8">
        <v>0</v>
      </c>
      <c r="H452" s="8">
        <v>0</v>
      </c>
      <c r="I452" s="8">
        <v>0</v>
      </c>
      <c r="J452" s="8">
        <v>0</v>
      </c>
    </row>
    <row r="453" spans="2:10" ht="15" customHeight="1">
      <c r="B453" s="16" t="s">
        <v>80</v>
      </c>
      <c r="C453" s="20">
        <v>400</v>
      </c>
      <c r="D453" s="20">
        <v>2815</v>
      </c>
      <c r="E453" s="20">
        <v>450</v>
      </c>
      <c r="F453" s="20">
        <v>770</v>
      </c>
      <c r="G453" s="20">
        <v>850</v>
      </c>
      <c r="H453" s="20">
        <v>3585</v>
      </c>
      <c r="I453" s="20">
        <v>0</v>
      </c>
      <c r="J453" s="20">
        <v>0</v>
      </c>
    </row>
    <row r="454" spans="2:10" ht="15" customHeight="1">
      <c r="B454" s="14" t="s">
        <v>81</v>
      </c>
      <c r="C454" s="21">
        <v>400</v>
      </c>
      <c r="D454" s="21">
        <v>2815</v>
      </c>
      <c r="E454" s="21">
        <v>450</v>
      </c>
      <c r="F454" s="21">
        <v>770</v>
      </c>
      <c r="G454" s="21">
        <v>850</v>
      </c>
      <c r="H454" s="21">
        <v>3585</v>
      </c>
      <c r="I454" s="21">
        <v>0</v>
      </c>
      <c r="J454" s="21">
        <v>0</v>
      </c>
    </row>
    <row r="455" spans="2:10" ht="15" customHeight="1">
      <c r="B455" s="14" t="s">
        <v>82</v>
      </c>
      <c r="C455" s="21">
        <v>0</v>
      </c>
      <c r="D455" s="21">
        <v>0</v>
      </c>
      <c r="E455" s="21">
        <v>0</v>
      </c>
      <c r="F455" s="21">
        <v>0</v>
      </c>
      <c r="G455" s="21">
        <v>0</v>
      </c>
      <c r="H455" s="21">
        <v>0</v>
      </c>
      <c r="I455" s="21">
        <v>0</v>
      </c>
      <c r="J455" s="21">
        <v>0</v>
      </c>
    </row>
    <row r="456" spans="2:10" ht="15" customHeight="1">
      <c r="B456" s="5" t="s">
        <v>68</v>
      </c>
      <c r="C456" s="6">
        <v>70</v>
      </c>
      <c r="D456" s="6">
        <v>202</v>
      </c>
      <c r="E456" s="6">
        <v>190</v>
      </c>
      <c r="F456" s="6">
        <v>480</v>
      </c>
      <c r="G456" s="6">
        <v>260</v>
      </c>
      <c r="H456" s="6">
        <v>682</v>
      </c>
      <c r="I456" s="6">
        <v>0</v>
      </c>
      <c r="J456" s="6">
        <v>0</v>
      </c>
    </row>
    <row r="457" spans="2:10" ht="15" customHeight="1">
      <c r="B457" s="16" t="s">
        <v>75</v>
      </c>
      <c r="C457" s="20">
        <v>0</v>
      </c>
      <c r="D457" s="20">
        <v>72</v>
      </c>
      <c r="E457" s="20">
        <v>30</v>
      </c>
      <c r="F457" s="20">
        <v>30</v>
      </c>
      <c r="G457" s="20">
        <v>30</v>
      </c>
      <c r="H457" s="20">
        <v>102</v>
      </c>
      <c r="I457" s="20">
        <v>0</v>
      </c>
      <c r="J457" s="20">
        <v>0</v>
      </c>
    </row>
    <row r="458" spans="2:10" ht="15" customHeight="1">
      <c r="B458" s="7" t="s">
        <v>81</v>
      </c>
      <c r="C458" s="8">
        <v>0</v>
      </c>
      <c r="D458" s="8">
        <v>72</v>
      </c>
      <c r="E458" s="8">
        <v>30</v>
      </c>
      <c r="F458" s="8">
        <v>30</v>
      </c>
      <c r="G458" s="8">
        <v>30</v>
      </c>
      <c r="H458" s="8">
        <v>102</v>
      </c>
      <c r="I458" s="8">
        <v>0</v>
      </c>
      <c r="J458" s="8">
        <v>0</v>
      </c>
    </row>
    <row r="459" spans="2:10" ht="15" customHeight="1">
      <c r="B459" s="9" t="s">
        <v>77</v>
      </c>
      <c r="C459" s="10">
        <v>0</v>
      </c>
      <c r="D459" s="10">
        <v>72</v>
      </c>
      <c r="E459" s="10">
        <v>30</v>
      </c>
      <c r="F459" s="10">
        <v>30</v>
      </c>
      <c r="G459" s="10">
        <v>30</v>
      </c>
      <c r="H459" s="10">
        <v>102</v>
      </c>
      <c r="I459" s="10">
        <v>0</v>
      </c>
      <c r="J459" s="10">
        <v>0</v>
      </c>
    </row>
    <row r="460" spans="2:10" ht="15" customHeight="1">
      <c r="B460" s="9" t="s">
        <v>78</v>
      </c>
      <c r="C460" s="10">
        <v>0</v>
      </c>
      <c r="D460" s="10">
        <v>0</v>
      </c>
      <c r="E460" s="10">
        <v>0</v>
      </c>
      <c r="F460" s="10">
        <v>0</v>
      </c>
      <c r="G460" s="10">
        <v>0</v>
      </c>
      <c r="H460" s="10">
        <v>0</v>
      </c>
      <c r="I460" s="10">
        <v>0</v>
      </c>
      <c r="J460" s="10">
        <v>0</v>
      </c>
    </row>
    <row r="461" spans="2:10" ht="15" customHeight="1">
      <c r="B461" s="7" t="s">
        <v>82</v>
      </c>
      <c r="C461" s="8">
        <v>0</v>
      </c>
      <c r="D461" s="8">
        <v>0</v>
      </c>
      <c r="E461" s="8">
        <v>0</v>
      </c>
      <c r="F461" s="8">
        <v>0</v>
      </c>
      <c r="G461" s="8">
        <v>0</v>
      </c>
      <c r="H461" s="8">
        <v>0</v>
      </c>
      <c r="I461" s="8">
        <v>0</v>
      </c>
      <c r="J461" s="8">
        <v>0</v>
      </c>
    </row>
    <row r="462" spans="2:10" ht="15" customHeight="1">
      <c r="B462" s="16" t="s">
        <v>80</v>
      </c>
      <c r="C462" s="20">
        <v>70</v>
      </c>
      <c r="D462" s="20">
        <v>130</v>
      </c>
      <c r="E462" s="20">
        <v>160</v>
      </c>
      <c r="F462" s="20">
        <v>450</v>
      </c>
      <c r="G462" s="20">
        <v>230</v>
      </c>
      <c r="H462" s="20">
        <v>580</v>
      </c>
      <c r="I462" s="20">
        <v>0</v>
      </c>
      <c r="J462" s="20">
        <v>0</v>
      </c>
    </row>
    <row r="463" spans="2:10" ht="15" customHeight="1">
      <c r="B463" s="14" t="s">
        <v>81</v>
      </c>
      <c r="C463" s="21">
        <v>70</v>
      </c>
      <c r="D463" s="21">
        <v>130</v>
      </c>
      <c r="E463" s="21">
        <v>160</v>
      </c>
      <c r="F463" s="21">
        <v>450</v>
      </c>
      <c r="G463" s="21">
        <v>230</v>
      </c>
      <c r="H463" s="21">
        <v>580</v>
      </c>
      <c r="I463" s="21">
        <v>0</v>
      </c>
      <c r="J463" s="21">
        <v>0</v>
      </c>
    </row>
    <row r="464" spans="2:10" ht="15" customHeight="1">
      <c r="B464" s="14" t="s">
        <v>82</v>
      </c>
      <c r="C464" s="21">
        <v>0</v>
      </c>
      <c r="D464" s="21">
        <v>0</v>
      </c>
      <c r="E464" s="21">
        <v>0</v>
      </c>
      <c r="F464" s="21">
        <v>0</v>
      </c>
      <c r="G464" s="21">
        <v>0</v>
      </c>
      <c r="H464" s="21">
        <v>0</v>
      </c>
      <c r="I464" s="21">
        <v>0</v>
      </c>
      <c r="J464" s="21">
        <v>0</v>
      </c>
    </row>
    <row r="465" spans="2:10" ht="15" customHeight="1">
      <c r="B465" s="5" t="s">
        <v>69</v>
      </c>
      <c r="C465" s="6">
        <v>1443</v>
      </c>
      <c r="D465" s="6">
        <v>5800</v>
      </c>
      <c r="E465" s="6">
        <v>2017</v>
      </c>
      <c r="F465" s="6">
        <v>4181</v>
      </c>
      <c r="G465" s="6">
        <v>3460</v>
      </c>
      <c r="H465" s="6">
        <v>9981</v>
      </c>
      <c r="I465" s="6">
        <v>0</v>
      </c>
      <c r="J465" s="6">
        <v>0</v>
      </c>
    </row>
    <row r="466" spans="2:10" ht="15" customHeight="1">
      <c r="B466" s="16" t="s">
        <v>75</v>
      </c>
      <c r="C466" s="20">
        <v>1443</v>
      </c>
      <c r="D466" s="20">
        <v>5295</v>
      </c>
      <c r="E466" s="20">
        <v>1832</v>
      </c>
      <c r="F466" s="20">
        <v>3996</v>
      </c>
      <c r="G466" s="20">
        <v>3275</v>
      </c>
      <c r="H466" s="20">
        <v>9291</v>
      </c>
      <c r="I466" s="20">
        <v>0</v>
      </c>
      <c r="J466" s="20">
        <v>0</v>
      </c>
    </row>
    <row r="467" spans="2:10" ht="15" customHeight="1">
      <c r="B467" s="7" t="s">
        <v>81</v>
      </c>
      <c r="C467" s="8">
        <v>1443</v>
      </c>
      <c r="D467" s="8">
        <v>5295</v>
      </c>
      <c r="E467" s="8">
        <v>1832</v>
      </c>
      <c r="F467" s="8">
        <v>3996</v>
      </c>
      <c r="G467" s="8">
        <v>3275</v>
      </c>
      <c r="H467" s="8">
        <v>9291</v>
      </c>
      <c r="I467" s="8">
        <v>0</v>
      </c>
      <c r="J467" s="8">
        <v>0</v>
      </c>
    </row>
    <row r="468" spans="2:10" ht="15" customHeight="1">
      <c r="B468" s="9" t="s">
        <v>77</v>
      </c>
      <c r="C468" s="10">
        <v>1443</v>
      </c>
      <c r="D468" s="10">
        <v>5295</v>
      </c>
      <c r="E468" s="10">
        <v>1832</v>
      </c>
      <c r="F468" s="10">
        <v>3996</v>
      </c>
      <c r="G468" s="10">
        <v>3275</v>
      </c>
      <c r="H468" s="10">
        <v>9291</v>
      </c>
      <c r="I468" s="10">
        <v>0</v>
      </c>
      <c r="J468" s="10">
        <v>0</v>
      </c>
    </row>
    <row r="469" spans="2:10" ht="15" customHeight="1">
      <c r="B469" s="9" t="s">
        <v>78</v>
      </c>
      <c r="C469" s="10">
        <v>0</v>
      </c>
      <c r="D469" s="10">
        <v>0</v>
      </c>
      <c r="E469" s="10">
        <v>0</v>
      </c>
      <c r="F469" s="10">
        <v>0</v>
      </c>
      <c r="G469" s="10">
        <v>0</v>
      </c>
      <c r="H469" s="10">
        <v>0</v>
      </c>
      <c r="I469" s="10">
        <v>0</v>
      </c>
      <c r="J469" s="10">
        <v>0</v>
      </c>
    </row>
    <row r="470" spans="2:10" ht="15" customHeight="1">
      <c r="B470" s="7" t="s">
        <v>82</v>
      </c>
      <c r="C470" s="8">
        <v>0</v>
      </c>
      <c r="D470" s="8">
        <v>0</v>
      </c>
      <c r="E470" s="8">
        <v>0</v>
      </c>
      <c r="F470" s="8">
        <v>0</v>
      </c>
      <c r="G470" s="8">
        <v>0</v>
      </c>
      <c r="H470" s="8">
        <v>0</v>
      </c>
      <c r="I470" s="8">
        <v>0</v>
      </c>
      <c r="J470" s="8">
        <v>0</v>
      </c>
    </row>
    <row r="471" spans="2:10" ht="15" customHeight="1">
      <c r="B471" s="16" t="s">
        <v>80</v>
      </c>
      <c r="C471" s="20">
        <v>0</v>
      </c>
      <c r="D471" s="20">
        <v>505</v>
      </c>
      <c r="E471" s="20">
        <v>185</v>
      </c>
      <c r="F471" s="20">
        <v>185</v>
      </c>
      <c r="G471" s="20">
        <v>185</v>
      </c>
      <c r="H471" s="20">
        <v>690</v>
      </c>
      <c r="I471" s="20">
        <v>0</v>
      </c>
      <c r="J471" s="20">
        <v>0</v>
      </c>
    </row>
    <row r="472" spans="2:10" ht="15" customHeight="1">
      <c r="B472" s="14" t="s">
        <v>81</v>
      </c>
      <c r="C472" s="21">
        <v>0</v>
      </c>
      <c r="D472" s="21">
        <v>505</v>
      </c>
      <c r="E472" s="21">
        <v>185</v>
      </c>
      <c r="F472" s="21">
        <v>185</v>
      </c>
      <c r="G472" s="21">
        <v>185</v>
      </c>
      <c r="H472" s="21">
        <v>690</v>
      </c>
      <c r="I472" s="21">
        <v>0</v>
      </c>
      <c r="J472" s="21">
        <v>0</v>
      </c>
    </row>
    <row r="473" spans="2:10" ht="15" customHeight="1">
      <c r="B473" s="14" t="s">
        <v>82</v>
      </c>
      <c r="C473" s="21">
        <v>0</v>
      </c>
      <c r="D473" s="21">
        <v>0</v>
      </c>
      <c r="E473" s="21">
        <v>0</v>
      </c>
      <c r="F473" s="21">
        <v>0</v>
      </c>
      <c r="G473" s="21">
        <v>0</v>
      </c>
      <c r="H473" s="21">
        <v>0</v>
      </c>
      <c r="I473" s="21">
        <v>0</v>
      </c>
      <c r="J473" s="21">
        <v>0</v>
      </c>
    </row>
    <row r="474" spans="2:10" ht="15" customHeight="1">
      <c r="B474" s="5" t="s">
        <v>70</v>
      </c>
      <c r="C474" s="6">
        <v>50527</v>
      </c>
      <c r="D474" s="6">
        <v>121917</v>
      </c>
      <c r="E474" s="6">
        <v>74507</v>
      </c>
      <c r="F474" s="6">
        <v>207621</v>
      </c>
      <c r="G474" s="6">
        <v>125034</v>
      </c>
      <c r="H474" s="6">
        <v>329538</v>
      </c>
      <c r="I474" s="6">
        <v>19202</v>
      </c>
      <c r="J474" s="6">
        <v>46322</v>
      </c>
    </row>
    <row r="475" spans="2:10" ht="15" customHeight="1">
      <c r="B475" s="16" t="s">
        <v>75</v>
      </c>
      <c r="C475" s="20">
        <v>50527</v>
      </c>
      <c r="D475" s="20">
        <v>118765</v>
      </c>
      <c r="E475" s="20">
        <v>74507</v>
      </c>
      <c r="F475" s="20">
        <v>199260</v>
      </c>
      <c r="G475" s="20">
        <v>125034</v>
      </c>
      <c r="H475" s="20">
        <v>318025</v>
      </c>
      <c r="I475" s="20">
        <v>19202</v>
      </c>
      <c r="J475" s="20">
        <v>46322</v>
      </c>
    </row>
    <row r="476" spans="2:10" ht="15" customHeight="1">
      <c r="B476" s="7" t="s">
        <v>81</v>
      </c>
      <c r="C476" s="8">
        <v>50527</v>
      </c>
      <c r="D476" s="8">
        <v>118765</v>
      </c>
      <c r="E476" s="8">
        <v>74507</v>
      </c>
      <c r="F476" s="8">
        <v>199260</v>
      </c>
      <c r="G476" s="8">
        <v>125034</v>
      </c>
      <c r="H476" s="8">
        <v>318025</v>
      </c>
      <c r="I476" s="8">
        <v>19202</v>
      </c>
      <c r="J476" s="8">
        <v>46322</v>
      </c>
    </row>
    <row r="477" spans="2:10" ht="15" customHeight="1">
      <c r="B477" s="9" t="s">
        <v>77</v>
      </c>
      <c r="C477" s="10">
        <v>44464</v>
      </c>
      <c r="D477" s="10">
        <v>103532</v>
      </c>
      <c r="E477" s="10">
        <v>71992</v>
      </c>
      <c r="F477" s="10">
        <v>189019</v>
      </c>
      <c r="G477" s="10">
        <v>116456</v>
      </c>
      <c r="H477" s="10">
        <v>292551</v>
      </c>
      <c r="I477" s="10">
        <v>19202</v>
      </c>
      <c r="J477" s="10">
        <v>46322</v>
      </c>
    </row>
    <row r="478" spans="2:10" ht="15" customHeight="1">
      <c r="B478" s="9" t="s">
        <v>78</v>
      </c>
      <c r="C478" s="10">
        <v>6063</v>
      </c>
      <c r="D478" s="10">
        <v>15233</v>
      </c>
      <c r="E478" s="10">
        <v>2515</v>
      </c>
      <c r="F478" s="10">
        <v>10241</v>
      </c>
      <c r="G478" s="10">
        <v>8578</v>
      </c>
      <c r="H478" s="10">
        <v>25474</v>
      </c>
      <c r="I478" s="10">
        <v>0</v>
      </c>
      <c r="J478" s="10">
        <v>0</v>
      </c>
    </row>
    <row r="479" spans="2:10" ht="15" customHeight="1">
      <c r="B479" s="7" t="s">
        <v>82</v>
      </c>
      <c r="C479" s="8">
        <v>0</v>
      </c>
      <c r="D479" s="8">
        <v>0</v>
      </c>
      <c r="E479" s="8">
        <v>0</v>
      </c>
      <c r="F479" s="8">
        <v>0</v>
      </c>
      <c r="G479" s="8">
        <v>0</v>
      </c>
      <c r="H479" s="8">
        <v>0</v>
      </c>
      <c r="I479" s="8">
        <v>0</v>
      </c>
      <c r="J479" s="8">
        <v>0</v>
      </c>
    </row>
    <row r="480" spans="2:10" ht="15" customHeight="1">
      <c r="B480" s="16" t="s">
        <v>80</v>
      </c>
      <c r="C480" s="20">
        <v>0</v>
      </c>
      <c r="D480" s="20">
        <v>3152</v>
      </c>
      <c r="E480" s="20">
        <v>0</v>
      </c>
      <c r="F480" s="20">
        <v>8361</v>
      </c>
      <c r="G480" s="20">
        <v>0</v>
      </c>
      <c r="H480" s="20">
        <v>11513</v>
      </c>
      <c r="I480" s="20">
        <v>0</v>
      </c>
      <c r="J480" s="20">
        <v>0</v>
      </c>
    </row>
    <row r="481" spans="2:10" ht="15" customHeight="1">
      <c r="B481" s="14" t="s">
        <v>81</v>
      </c>
      <c r="C481" s="21">
        <v>0</v>
      </c>
      <c r="D481" s="21">
        <v>3152</v>
      </c>
      <c r="E481" s="21">
        <v>0</v>
      </c>
      <c r="F481" s="21">
        <v>8361</v>
      </c>
      <c r="G481" s="21">
        <v>0</v>
      </c>
      <c r="H481" s="21">
        <v>11513</v>
      </c>
      <c r="I481" s="21">
        <v>0</v>
      </c>
      <c r="J481" s="21">
        <v>0</v>
      </c>
    </row>
    <row r="482" spans="2:10" ht="15" customHeight="1">
      <c r="B482" s="14" t="s">
        <v>82</v>
      </c>
      <c r="C482" s="21">
        <v>0</v>
      </c>
      <c r="D482" s="21">
        <v>0</v>
      </c>
      <c r="E482" s="21">
        <v>0</v>
      </c>
      <c r="F482" s="21">
        <v>0</v>
      </c>
      <c r="G482" s="21">
        <v>0</v>
      </c>
      <c r="H482" s="21">
        <v>0</v>
      </c>
      <c r="I482" s="21">
        <v>0</v>
      </c>
      <c r="J482" s="21">
        <v>0</v>
      </c>
    </row>
    <row r="483" spans="2:10" ht="15" customHeight="1">
      <c r="B483" s="5" t="s">
        <v>71</v>
      </c>
      <c r="C483" s="6">
        <v>2042</v>
      </c>
      <c r="D483" s="6">
        <v>7248</v>
      </c>
      <c r="E483" s="6">
        <v>1933</v>
      </c>
      <c r="F483" s="6">
        <v>6438</v>
      </c>
      <c r="G483" s="6">
        <v>3975</v>
      </c>
      <c r="H483" s="6">
        <v>13686</v>
      </c>
      <c r="I483" s="6">
        <v>0</v>
      </c>
      <c r="J483" s="6">
        <v>0</v>
      </c>
    </row>
    <row r="484" spans="2:10" ht="15" customHeight="1">
      <c r="B484" s="16" t="s">
        <v>75</v>
      </c>
      <c r="C484" s="20">
        <v>2042</v>
      </c>
      <c r="D484" s="20">
        <v>6847</v>
      </c>
      <c r="E484" s="20">
        <v>1933</v>
      </c>
      <c r="F484" s="20">
        <v>6438</v>
      </c>
      <c r="G484" s="20">
        <v>3975</v>
      </c>
      <c r="H484" s="20">
        <v>13285</v>
      </c>
      <c r="I484" s="20">
        <v>0</v>
      </c>
      <c r="J484" s="20">
        <v>0</v>
      </c>
    </row>
    <row r="485" spans="2:10" ht="15" customHeight="1">
      <c r="B485" s="7" t="s">
        <v>81</v>
      </c>
      <c r="C485" s="8">
        <v>2042</v>
      </c>
      <c r="D485" s="8">
        <v>6847</v>
      </c>
      <c r="E485" s="8">
        <v>1933</v>
      </c>
      <c r="F485" s="8">
        <v>6438</v>
      </c>
      <c r="G485" s="8">
        <v>3975</v>
      </c>
      <c r="H485" s="8">
        <v>13285</v>
      </c>
      <c r="I485" s="8">
        <v>0</v>
      </c>
      <c r="J485" s="8">
        <v>0</v>
      </c>
    </row>
    <row r="486" spans="2:10" ht="15" customHeight="1">
      <c r="B486" s="9" t="s">
        <v>77</v>
      </c>
      <c r="C486" s="10">
        <v>120</v>
      </c>
      <c r="D486" s="10">
        <v>381</v>
      </c>
      <c r="E486" s="10">
        <v>24</v>
      </c>
      <c r="F486" s="10">
        <v>424</v>
      </c>
      <c r="G486" s="10">
        <v>144</v>
      </c>
      <c r="H486" s="10">
        <v>805</v>
      </c>
      <c r="I486" s="10">
        <v>0</v>
      </c>
      <c r="J486" s="10">
        <v>0</v>
      </c>
    </row>
    <row r="487" spans="2:10" ht="15" customHeight="1">
      <c r="B487" s="9" t="s">
        <v>78</v>
      </c>
      <c r="C487" s="10">
        <v>1922</v>
      </c>
      <c r="D487" s="10">
        <v>6466</v>
      </c>
      <c r="E487" s="10">
        <v>1909</v>
      </c>
      <c r="F487" s="10">
        <v>6014</v>
      </c>
      <c r="G487" s="10">
        <v>3831</v>
      </c>
      <c r="H487" s="10">
        <v>12480</v>
      </c>
      <c r="I487" s="10">
        <v>0</v>
      </c>
      <c r="J487" s="10">
        <v>0</v>
      </c>
    </row>
    <row r="488" spans="2:10" ht="15" customHeight="1">
      <c r="B488" s="7" t="s">
        <v>82</v>
      </c>
      <c r="C488" s="8">
        <v>0</v>
      </c>
      <c r="D488" s="8">
        <v>0</v>
      </c>
      <c r="E488" s="8">
        <v>0</v>
      </c>
      <c r="F488" s="8">
        <v>0</v>
      </c>
      <c r="G488" s="8">
        <v>0</v>
      </c>
      <c r="H488" s="8">
        <v>0</v>
      </c>
      <c r="I488" s="8">
        <v>0</v>
      </c>
      <c r="J488" s="8">
        <v>0</v>
      </c>
    </row>
    <row r="489" spans="2:10" ht="15" customHeight="1">
      <c r="B489" s="16" t="s">
        <v>80</v>
      </c>
      <c r="C489" s="20">
        <v>0</v>
      </c>
      <c r="D489" s="20">
        <v>401</v>
      </c>
      <c r="E489" s="20">
        <v>0</v>
      </c>
      <c r="F489" s="20">
        <v>0</v>
      </c>
      <c r="G489" s="20">
        <v>0</v>
      </c>
      <c r="H489" s="20">
        <v>401</v>
      </c>
      <c r="I489" s="20">
        <v>0</v>
      </c>
      <c r="J489" s="20">
        <v>0</v>
      </c>
    </row>
    <row r="490" spans="2:10" ht="15" customHeight="1">
      <c r="B490" s="14" t="s">
        <v>81</v>
      </c>
      <c r="C490" s="21">
        <v>0</v>
      </c>
      <c r="D490" s="21">
        <v>401</v>
      </c>
      <c r="E490" s="21">
        <v>0</v>
      </c>
      <c r="F490" s="21">
        <v>0</v>
      </c>
      <c r="G490" s="21">
        <v>0</v>
      </c>
      <c r="H490" s="21">
        <v>401</v>
      </c>
      <c r="I490" s="21">
        <v>0</v>
      </c>
      <c r="J490" s="21">
        <v>0</v>
      </c>
    </row>
    <row r="491" spans="2:10" ht="15" customHeight="1">
      <c r="B491" s="14" t="s">
        <v>82</v>
      </c>
      <c r="C491" s="21">
        <v>0</v>
      </c>
      <c r="D491" s="21">
        <v>0</v>
      </c>
      <c r="E491" s="21">
        <v>0</v>
      </c>
      <c r="F491" s="21">
        <v>0</v>
      </c>
      <c r="G491" s="21">
        <v>0</v>
      </c>
      <c r="H491" s="21">
        <v>0</v>
      </c>
      <c r="I491" s="21">
        <v>0</v>
      </c>
      <c r="J491" s="21">
        <v>0</v>
      </c>
    </row>
    <row r="492" spans="2:10" ht="15" customHeight="1">
      <c r="B492" s="5" t="s">
        <v>72</v>
      </c>
      <c r="C492" s="6">
        <v>1064528</v>
      </c>
      <c r="D492" s="6">
        <v>2878418</v>
      </c>
      <c r="E492" s="6">
        <v>855024</v>
      </c>
      <c r="F492" s="6">
        <v>2363786</v>
      </c>
      <c r="G492" s="6">
        <v>1919552</v>
      </c>
      <c r="H492" s="6">
        <v>5242204</v>
      </c>
      <c r="I492" s="6">
        <v>654882</v>
      </c>
      <c r="J492" s="6">
        <v>1635211</v>
      </c>
    </row>
    <row r="493" spans="2:10" ht="15" customHeight="1">
      <c r="B493" s="16" t="s">
        <v>75</v>
      </c>
      <c r="C493" s="20">
        <v>1058450</v>
      </c>
      <c r="D493" s="20">
        <v>2858427</v>
      </c>
      <c r="E493" s="20">
        <v>851091</v>
      </c>
      <c r="F493" s="20">
        <v>2339314</v>
      </c>
      <c r="G493" s="20">
        <v>1909541</v>
      </c>
      <c r="H493" s="20">
        <v>5197741</v>
      </c>
      <c r="I493" s="20">
        <v>654882</v>
      </c>
      <c r="J493" s="20">
        <v>1634751</v>
      </c>
    </row>
    <row r="494" spans="2:10" ht="15" customHeight="1">
      <c r="B494" s="7" t="s">
        <v>81</v>
      </c>
      <c r="C494" s="8">
        <v>1058450</v>
      </c>
      <c r="D494" s="8">
        <v>2858427</v>
      </c>
      <c r="E494" s="8">
        <v>851091</v>
      </c>
      <c r="F494" s="8">
        <v>2230710</v>
      </c>
      <c r="G494" s="8">
        <v>1909541</v>
      </c>
      <c r="H494" s="8">
        <v>5089137</v>
      </c>
      <c r="I494" s="8">
        <v>654882</v>
      </c>
      <c r="J494" s="8">
        <v>1634751</v>
      </c>
    </row>
    <row r="495" spans="2:10" ht="15" customHeight="1">
      <c r="B495" s="9" t="s">
        <v>77</v>
      </c>
      <c r="C495" s="10">
        <v>1058450</v>
      </c>
      <c r="D495" s="10">
        <v>2858427</v>
      </c>
      <c r="E495" s="10">
        <v>851091</v>
      </c>
      <c r="F495" s="10">
        <v>2230710</v>
      </c>
      <c r="G495" s="10">
        <v>1909541</v>
      </c>
      <c r="H495" s="10">
        <v>5089137</v>
      </c>
      <c r="I495" s="10">
        <v>654882</v>
      </c>
      <c r="J495" s="10">
        <v>1634751</v>
      </c>
    </row>
    <row r="496" spans="2:10" ht="15" customHeight="1">
      <c r="B496" s="9" t="s">
        <v>78</v>
      </c>
      <c r="C496" s="10">
        <v>0</v>
      </c>
      <c r="D496" s="10">
        <v>0</v>
      </c>
      <c r="E496" s="10">
        <v>0</v>
      </c>
      <c r="F496" s="10">
        <v>0</v>
      </c>
      <c r="G496" s="10">
        <v>0</v>
      </c>
      <c r="H496" s="10">
        <v>0</v>
      </c>
      <c r="I496" s="10">
        <v>0</v>
      </c>
      <c r="J496" s="10">
        <v>0</v>
      </c>
    </row>
    <row r="497" spans="2:10" ht="15" customHeight="1">
      <c r="B497" s="7" t="s">
        <v>82</v>
      </c>
      <c r="C497" s="8">
        <v>0</v>
      </c>
      <c r="D497" s="8">
        <v>0</v>
      </c>
      <c r="E497" s="8">
        <v>0</v>
      </c>
      <c r="F497" s="8">
        <v>108604</v>
      </c>
      <c r="G497" s="8">
        <v>0</v>
      </c>
      <c r="H497" s="8">
        <v>108604</v>
      </c>
      <c r="I497" s="8">
        <v>0</v>
      </c>
      <c r="J497" s="8">
        <v>0</v>
      </c>
    </row>
    <row r="498" spans="2:10" ht="15" customHeight="1">
      <c r="B498" s="16" t="s">
        <v>80</v>
      </c>
      <c r="C498" s="20">
        <v>6078</v>
      </c>
      <c r="D498" s="20">
        <v>19991</v>
      </c>
      <c r="E498" s="20">
        <v>3933</v>
      </c>
      <c r="F498" s="20">
        <v>24472</v>
      </c>
      <c r="G498" s="20">
        <v>10011</v>
      </c>
      <c r="H498" s="20">
        <v>44463</v>
      </c>
      <c r="I498" s="20">
        <v>0</v>
      </c>
      <c r="J498" s="20">
        <v>460</v>
      </c>
    </row>
    <row r="499" spans="2:10" ht="15" customHeight="1">
      <c r="B499" s="14" t="s">
        <v>81</v>
      </c>
      <c r="C499" s="21">
        <v>6078</v>
      </c>
      <c r="D499" s="21">
        <v>19991</v>
      </c>
      <c r="E499" s="21">
        <v>3933</v>
      </c>
      <c r="F499" s="21">
        <v>9974</v>
      </c>
      <c r="G499" s="21">
        <v>10011</v>
      </c>
      <c r="H499" s="21">
        <v>29965</v>
      </c>
      <c r="I499" s="21">
        <v>0</v>
      </c>
      <c r="J499" s="21">
        <v>460</v>
      </c>
    </row>
    <row r="500" spans="2:10" ht="15" customHeight="1">
      <c r="B500" s="14" t="s">
        <v>82</v>
      </c>
      <c r="C500" s="21">
        <v>0</v>
      </c>
      <c r="D500" s="21">
        <v>0</v>
      </c>
      <c r="E500" s="21">
        <v>0</v>
      </c>
      <c r="F500" s="21">
        <v>14498</v>
      </c>
      <c r="G500" s="21">
        <v>0</v>
      </c>
      <c r="H500" s="21">
        <v>14498</v>
      </c>
      <c r="I500" s="21">
        <v>0</v>
      </c>
      <c r="J500" s="21">
        <v>0</v>
      </c>
    </row>
    <row r="502" spans="2:10" ht="15" customHeight="1">
      <c r="B502" s="19" t="str">
        <f>Aeronaves!B502</f>
        <v>PLANILHA ELABORADA EM 26/04/2018</v>
      </c>
    </row>
  </sheetData>
  <mergeCells count="2">
    <mergeCell ref="C2:J2"/>
    <mergeCell ref="B3:J3"/>
  </mergeCells>
  <pageMargins left="0.78740157499999996" right="0.78740157499999996" top="0.984251969" bottom="0.984251969" header="0.4921259845" footer="0.4921259845"/>
  <pageSetup paperSize="9" orientation="portrait" verticalDpi="0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J502"/>
  <sheetViews>
    <sheetView showGridLines="0" zoomScale="90" zoomScaleNormal="90" workbookViewId="0">
      <pane xSplit="2" ySplit="5" topLeftCell="C6" activePane="bottomRight" state="frozen"/>
      <selection pane="topRight" activeCell="C1" sqref="C1"/>
      <selection pane="bottomLeft" activeCell="A6" sqref="A6"/>
      <selection pane="bottomRight" activeCell="K11" sqref="K11"/>
    </sheetView>
  </sheetViews>
  <sheetFormatPr defaultRowHeight="15" customHeight="1"/>
  <cols>
    <col min="1" max="1" width="2" style="1" customWidth="1"/>
    <col min="2" max="2" width="53.42578125" style="1" customWidth="1"/>
    <col min="3" max="4" width="17.85546875" style="1" bestFit="1" customWidth="1"/>
    <col min="5" max="6" width="20.85546875" style="1" bestFit="1" customWidth="1"/>
    <col min="7" max="7" width="21.140625" style="1" bestFit="1" customWidth="1"/>
    <col min="8" max="8" width="21" style="1" bestFit="1" customWidth="1"/>
    <col min="9" max="9" width="15.5703125" style="1" bestFit="1" customWidth="1"/>
    <col min="10" max="10" width="15.28515625" style="1" customWidth="1"/>
    <col min="11" max="16384" width="9.140625" style="1"/>
  </cols>
  <sheetData>
    <row r="2" spans="2:10" ht="18.75">
      <c r="B2" s="2"/>
      <c r="C2" s="22" t="s">
        <v>89</v>
      </c>
      <c r="D2" s="22"/>
      <c r="E2" s="22"/>
      <c r="F2" s="22"/>
      <c r="G2" s="22"/>
      <c r="H2" s="22"/>
      <c r="I2" s="22"/>
      <c r="J2" s="22"/>
    </row>
    <row r="3" spans="2:10" ht="15.75">
      <c r="B3" s="23" t="s">
        <v>92</v>
      </c>
      <c r="C3" s="23"/>
      <c r="D3" s="23"/>
      <c r="E3" s="23"/>
      <c r="F3" s="23"/>
      <c r="G3" s="23"/>
      <c r="H3" s="23"/>
      <c r="I3" s="23"/>
      <c r="J3" s="23"/>
    </row>
    <row r="4" spans="2:10" ht="8.25" customHeight="1">
      <c r="B4" s="3"/>
    </row>
    <row r="5" spans="2:10" ht="15" customHeight="1">
      <c r="B5" s="4" t="s">
        <v>0</v>
      </c>
      <c r="C5" s="4" t="s">
        <v>7</v>
      </c>
      <c r="D5" s="4" t="s">
        <v>8</v>
      </c>
      <c r="E5" s="4" t="s">
        <v>9</v>
      </c>
      <c r="F5" s="4" t="s">
        <v>10</v>
      </c>
      <c r="G5" s="4" t="s">
        <v>11</v>
      </c>
      <c r="H5" s="4" t="s">
        <v>12</v>
      </c>
      <c r="I5" s="4" t="s">
        <v>13</v>
      </c>
      <c r="J5" s="4" t="s">
        <v>14</v>
      </c>
    </row>
    <row r="6" spans="2:10" ht="15" customHeight="1">
      <c r="B6" s="5" t="s">
        <v>74</v>
      </c>
      <c r="C6" s="6">
        <v>649838</v>
      </c>
      <c r="D6" s="6">
        <v>2066072</v>
      </c>
      <c r="E6" s="6">
        <v>1281771</v>
      </c>
      <c r="F6" s="6">
        <v>3926093</v>
      </c>
      <c r="G6" s="6">
        <v>1931609</v>
      </c>
      <c r="H6" s="6">
        <v>5992165</v>
      </c>
      <c r="I6" s="6">
        <v>661335</v>
      </c>
      <c r="J6" s="6">
        <v>1884647</v>
      </c>
    </row>
    <row r="7" spans="2:10" ht="15" customHeight="1">
      <c r="B7" s="16" t="s">
        <v>75</v>
      </c>
      <c r="C7" s="20">
        <v>514013</v>
      </c>
      <c r="D7" s="20">
        <v>1671756</v>
      </c>
      <c r="E7" s="20">
        <v>992338</v>
      </c>
      <c r="F7" s="20">
        <v>3153988</v>
      </c>
      <c r="G7" s="20">
        <v>1506351</v>
      </c>
      <c r="H7" s="20">
        <v>4825744</v>
      </c>
      <c r="I7" s="20">
        <v>661203</v>
      </c>
      <c r="J7" s="20">
        <v>1882915</v>
      </c>
    </row>
    <row r="8" spans="2:10" ht="15" customHeight="1">
      <c r="B8" s="7" t="s">
        <v>83</v>
      </c>
      <c r="C8" s="8">
        <v>514011</v>
      </c>
      <c r="D8" s="8">
        <v>1671747</v>
      </c>
      <c r="E8" s="8">
        <v>951780</v>
      </c>
      <c r="F8" s="8">
        <v>2960105</v>
      </c>
      <c r="G8" s="8">
        <v>1465791</v>
      </c>
      <c r="H8" s="8">
        <v>4631852</v>
      </c>
      <c r="I8" s="8">
        <v>657567</v>
      </c>
      <c r="J8" s="8">
        <v>1832004</v>
      </c>
    </row>
    <row r="9" spans="2:10" ht="15" customHeight="1">
      <c r="B9" s="9" t="s">
        <v>77</v>
      </c>
      <c r="C9" s="10">
        <v>499211</v>
      </c>
      <c r="D9" s="10">
        <v>1629502</v>
      </c>
      <c r="E9" s="10">
        <v>912902</v>
      </c>
      <c r="F9" s="10">
        <v>2865505</v>
      </c>
      <c r="G9" s="10">
        <v>1412113</v>
      </c>
      <c r="H9" s="10">
        <v>4495007</v>
      </c>
      <c r="I9" s="10">
        <v>657567</v>
      </c>
      <c r="J9" s="10">
        <v>1832004</v>
      </c>
    </row>
    <row r="10" spans="2:10" ht="15" customHeight="1">
      <c r="B10" s="9" t="s">
        <v>78</v>
      </c>
      <c r="C10" s="10">
        <v>14800</v>
      </c>
      <c r="D10" s="10">
        <v>42245</v>
      </c>
      <c r="E10" s="10">
        <v>38878</v>
      </c>
      <c r="F10" s="10">
        <v>94600</v>
      </c>
      <c r="G10" s="10">
        <v>53678</v>
      </c>
      <c r="H10" s="10">
        <v>136845</v>
      </c>
      <c r="I10" s="10">
        <v>0</v>
      </c>
      <c r="J10" s="10">
        <v>0</v>
      </c>
    </row>
    <row r="11" spans="2:10" ht="15" customHeight="1">
      <c r="B11" s="7" t="s">
        <v>84</v>
      </c>
      <c r="C11" s="8">
        <v>2</v>
      </c>
      <c r="D11" s="8">
        <v>9</v>
      </c>
      <c r="E11" s="8">
        <v>40558</v>
      </c>
      <c r="F11" s="8">
        <v>193883</v>
      </c>
      <c r="G11" s="8">
        <v>40560</v>
      </c>
      <c r="H11" s="8">
        <v>193892</v>
      </c>
      <c r="I11" s="8">
        <v>3636</v>
      </c>
      <c r="J11" s="8">
        <v>50911</v>
      </c>
    </row>
    <row r="12" spans="2:10" ht="15" customHeight="1">
      <c r="B12" s="16" t="s">
        <v>80</v>
      </c>
      <c r="C12" s="20">
        <v>135825</v>
      </c>
      <c r="D12" s="20">
        <v>394316</v>
      </c>
      <c r="E12" s="20">
        <v>289433</v>
      </c>
      <c r="F12" s="20">
        <v>772105</v>
      </c>
      <c r="G12" s="20">
        <v>425258</v>
      </c>
      <c r="H12" s="20">
        <v>1166421</v>
      </c>
      <c r="I12" s="20">
        <v>132</v>
      </c>
      <c r="J12" s="20">
        <v>1732</v>
      </c>
    </row>
    <row r="13" spans="2:10" ht="15" customHeight="1">
      <c r="B13" s="14" t="s">
        <v>83</v>
      </c>
      <c r="C13" s="21">
        <v>135825</v>
      </c>
      <c r="D13" s="21">
        <v>394316</v>
      </c>
      <c r="E13" s="21">
        <v>289433</v>
      </c>
      <c r="F13" s="21">
        <v>772105</v>
      </c>
      <c r="G13" s="21">
        <v>425258</v>
      </c>
      <c r="H13" s="21">
        <v>1166421</v>
      </c>
      <c r="I13" s="21">
        <v>132</v>
      </c>
      <c r="J13" s="21">
        <v>1732</v>
      </c>
    </row>
    <row r="14" spans="2:10" ht="15" customHeight="1">
      <c r="B14" s="14" t="s">
        <v>84</v>
      </c>
      <c r="C14" s="21">
        <v>0</v>
      </c>
      <c r="D14" s="21">
        <v>0</v>
      </c>
      <c r="E14" s="21">
        <v>0</v>
      </c>
      <c r="F14" s="21">
        <v>0</v>
      </c>
      <c r="G14" s="21">
        <v>0</v>
      </c>
      <c r="H14" s="21">
        <v>0</v>
      </c>
      <c r="I14" s="21">
        <v>0</v>
      </c>
      <c r="J14" s="21">
        <v>0</v>
      </c>
    </row>
    <row r="15" spans="2:10" ht="15" customHeight="1">
      <c r="B15" s="5" t="s">
        <v>21</v>
      </c>
      <c r="C15" s="6">
        <v>0</v>
      </c>
      <c r="D15" s="6">
        <v>0</v>
      </c>
      <c r="E15" s="6">
        <v>0</v>
      </c>
      <c r="F15" s="6">
        <v>0</v>
      </c>
      <c r="G15" s="6">
        <v>0</v>
      </c>
      <c r="H15" s="6">
        <v>0</v>
      </c>
      <c r="I15" s="6">
        <v>0</v>
      </c>
      <c r="J15" s="6">
        <v>0</v>
      </c>
    </row>
    <row r="16" spans="2:10" ht="15" customHeight="1">
      <c r="B16" s="16" t="s">
        <v>75</v>
      </c>
      <c r="C16" s="20">
        <v>0</v>
      </c>
      <c r="D16" s="20">
        <v>0</v>
      </c>
      <c r="E16" s="20">
        <v>0</v>
      </c>
      <c r="F16" s="20">
        <v>0</v>
      </c>
      <c r="G16" s="20">
        <v>0</v>
      </c>
      <c r="H16" s="20">
        <v>0</v>
      </c>
      <c r="I16" s="20">
        <v>0</v>
      </c>
      <c r="J16" s="20">
        <v>0</v>
      </c>
    </row>
    <row r="17" spans="2:10" ht="15" customHeight="1">
      <c r="B17" s="7" t="s">
        <v>83</v>
      </c>
      <c r="C17" s="8">
        <v>0</v>
      </c>
      <c r="D17" s="8">
        <v>0</v>
      </c>
      <c r="E17" s="8">
        <v>0</v>
      </c>
      <c r="F17" s="8">
        <v>0</v>
      </c>
      <c r="G17" s="8">
        <v>0</v>
      </c>
      <c r="H17" s="8">
        <v>0</v>
      </c>
      <c r="I17" s="8">
        <v>0</v>
      </c>
      <c r="J17" s="8">
        <v>0</v>
      </c>
    </row>
    <row r="18" spans="2:10" ht="15" customHeight="1">
      <c r="B18" s="9" t="s">
        <v>77</v>
      </c>
      <c r="C18" s="10">
        <v>0</v>
      </c>
      <c r="D18" s="10">
        <v>0</v>
      </c>
      <c r="E18" s="10">
        <v>0</v>
      </c>
      <c r="F18" s="10">
        <v>0</v>
      </c>
      <c r="G18" s="10">
        <v>0</v>
      </c>
      <c r="H18" s="10">
        <v>0</v>
      </c>
      <c r="I18" s="10">
        <v>0</v>
      </c>
      <c r="J18" s="10">
        <v>0</v>
      </c>
    </row>
    <row r="19" spans="2:10" ht="15" customHeight="1">
      <c r="B19" s="9" t="s">
        <v>78</v>
      </c>
      <c r="C19" s="10">
        <v>0</v>
      </c>
      <c r="D19" s="10">
        <v>0</v>
      </c>
      <c r="E19" s="10">
        <v>0</v>
      </c>
      <c r="F19" s="10">
        <v>0</v>
      </c>
      <c r="G19" s="10">
        <v>0</v>
      </c>
      <c r="H19" s="10">
        <v>0</v>
      </c>
      <c r="I19" s="10">
        <v>0</v>
      </c>
      <c r="J19" s="10">
        <v>0</v>
      </c>
    </row>
    <row r="20" spans="2:10" ht="15" customHeight="1">
      <c r="B20" s="7" t="s">
        <v>84</v>
      </c>
      <c r="C20" s="8">
        <v>0</v>
      </c>
      <c r="D20" s="8">
        <v>0</v>
      </c>
      <c r="E20" s="8">
        <v>0</v>
      </c>
      <c r="F20" s="8">
        <v>0</v>
      </c>
      <c r="G20" s="8">
        <v>0</v>
      </c>
      <c r="H20" s="8">
        <v>0</v>
      </c>
      <c r="I20" s="8">
        <v>0</v>
      </c>
      <c r="J20" s="8">
        <v>0</v>
      </c>
    </row>
    <row r="21" spans="2:10" ht="15" customHeight="1">
      <c r="B21" s="16" t="s">
        <v>80</v>
      </c>
      <c r="C21" s="20">
        <v>0</v>
      </c>
      <c r="D21" s="20">
        <v>0</v>
      </c>
      <c r="E21" s="20">
        <v>0</v>
      </c>
      <c r="F21" s="20">
        <v>0</v>
      </c>
      <c r="G21" s="20">
        <v>0</v>
      </c>
      <c r="H21" s="20">
        <v>0</v>
      </c>
      <c r="I21" s="20">
        <v>0</v>
      </c>
      <c r="J21" s="20">
        <v>0</v>
      </c>
    </row>
    <row r="22" spans="2:10" ht="15" customHeight="1">
      <c r="B22" s="14" t="s">
        <v>83</v>
      </c>
      <c r="C22" s="21">
        <v>0</v>
      </c>
      <c r="D22" s="21">
        <v>0</v>
      </c>
      <c r="E22" s="21">
        <v>0</v>
      </c>
      <c r="F22" s="21">
        <v>0</v>
      </c>
      <c r="G22" s="21">
        <v>0</v>
      </c>
      <c r="H22" s="21">
        <v>0</v>
      </c>
      <c r="I22" s="21">
        <v>0</v>
      </c>
      <c r="J22" s="21">
        <v>0</v>
      </c>
    </row>
    <row r="23" spans="2:10" ht="15" customHeight="1">
      <c r="B23" s="14" t="s">
        <v>84</v>
      </c>
      <c r="C23" s="21">
        <v>0</v>
      </c>
      <c r="D23" s="21">
        <v>0</v>
      </c>
      <c r="E23" s="21">
        <v>0</v>
      </c>
      <c r="F23" s="21">
        <v>0</v>
      </c>
      <c r="G23" s="21">
        <v>0</v>
      </c>
      <c r="H23" s="21">
        <v>0</v>
      </c>
      <c r="I23" s="21">
        <v>0</v>
      </c>
      <c r="J23" s="21">
        <v>0</v>
      </c>
    </row>
    <row r="24" spans="2:10" ht="15" customHeight="1">
      <c r="B24" s="5" t="s">
        <v>22</v>
      </c>
      <c r="C24" s="6">
        <v>47117</v>
      </c>
      <c r="D24" s="6">
        <v>208070</v>
      </c>
      <c r="E24" s="6">
        <v>162244</v>
      </c>
      <c r="F24" s="6">
        <v>702920</v>
      </c>
      <c r="G24" s="6">
        <v>209361</v>
      </c>
      <c r="H24" s="6">
        <v>910990</v>
      </c>
      <c r="I24" s="6">
        <v>6</v>
      </c>
      <c r="J24" s="6">
        <v>6</v>
      </c>
    </row>
    <row r="25" spans="2:10" ht="15" customHeight="1">
      <c r="B25" s="16" t="s">
        <v>75</v>
      </c>
      <c r="C25" s="20">
        <v>47117</v>
      </c>
      <c r="D25" s="20">
        <v>208070</v>
      </c>
      <c r="E25" s="20">
        <v>162244</v>
      </c>
      <c r="F25" s="20">
        <v>702920</v>
      </c>
      <c r="G25" s="20">
        <v>209361</v>
      </c>
      <c r="H25" s="20">
        <v>910990</v>
      </c>
      <c r="I25" s="20">
        <v>6</v>
      </c>
      <c r="J25" s="20">
        <v>6</v>
      </c>
    </row>
    <row r="26" spans="2:10" ht="15" customHeight="1">
      <c r="B26" s="7" t="s">
        <v>83</v>
      </c>
      <c r="C26" s="8">
        <v>47115</v>
      </c>
      <c r="D26" s="8">
        <v>208061</v>
      </c>
      <c r="E26" s="8">
        <v>162235</v>
      </c>
      <c r="F26" s="8">
        <v>702739</v>
      </c>
      <c r="G26" s="8">
        <v>209350</v>
      </c>
      <c r="H26" s="8">
        <v>910800</v>
      </c>
      <c r="I26" s="8">
        <v>0</v>
      </c>
      <c r="J26" s="8">
        <v>0</v>
      </c>
    </row>
    <row r="27" spans="2:10" ht="15" customHeight="1">
      <c r="B27" s="9" t="s">
        <v>77</v>
      </c>
      <c r="C27" s="10">
        <v>47115</v>
      </c>
      <c r="D27" s="10">
        <v>208061</v>
      </c>
      <c r="E27" s="10">
        <v>162235</v>
      </c>
      <c r="F27" s="10">
        <v>702739</v>
      </c>
      <c r="G27" s="10">
        <v>209350</v>
      </c>
      <c r="H27" s="10">
        <v>910800</v>
      </c>
      <c r="I27" s="10">
        <v>0</v>
      </c>
      <c r="J27" s="10">
        <v>0</v>
      </c>
    </row>
    <row r="28" spans="2:10" ht="15" customHeight="1">
      <c r="B28" s="9" t="s">
        <v>78</v>
      </c>
      <c r="C28" s="10">
        <v>0</v>
      </c>
      <c r="D28" s="10">
        <v>0</v>
      </c>
      <c r="E28" s="10">
        <v>0</v>
      </c>
      <c r="F28" s="10">
        <v>0</v>
      </c>
      <c r="G28" s="10">
        <v>0</v>
      </c>
      <c r="H28" s="10">
        <v>0</v>
      </c>
      <c r="I28" s="10">
        <v>0</v>
      </c>
      <c r="J28" s="10">
        <v>0</v>
      </c>
    </row>
    <row r="29" spans="2:10" ht="15" customHeight="1">
      <c r="B29" s="7" t="s">
        <v>84</v>
      </c>
      <c r="C29" s="8">
        <v>2</v>
      </c>
      <c r="D29" s="8">
        <v>9</v>
      </c>
      <c r="E29" s="8">
        <v>9</v>
      </c>
      <c r="F29" s="8">
        <v>181</v>
      </c>
      <c r="G29" s="8">
        <v>11</v>
      </c>
      <c r="H29" s="8">
        <v>190</v>
      </c>
      <c r="I29" s="8">
        <v>6</v>
      </c>
      <c r="J29" s="8">
        <v>6</v>
      </c>
    </row>
    <row r="30" spans="2:10" ht="15" customHeight="1">
      <c r="B30" s="16" t="s">
        <v>80</v>
      </c>
      <c r="C30" s="20">
        <v>0</v>
      </c>
      <c r="D30" s="20">
        <v>0</v>
      </c>
      <c r="E30" s="20">
        <v>0</v>
      </c>
      <c r="F30" s="20">
        <v>0</v>
      </c>
      <c r="G30" s="20">
        <v>0</v>
      </c>
      <c r="H30" s="20">
        <v>0</v>
      </c>
      <c r="I30" s="20">
        <v>0</v>
      </c>
      <c r="J30" s="20">
        <v>0</v>
      </c>
    </row>
    <row r="31" spans="2:10" ht="15" customHeight="1">
      <c r="B31" s="14" t="s">
        <v>83</v>
      </c>
      <c r="C31" s="21">
        <v>0</v>
      </c>
      <c r="D31" s="21">
        <v>0</v>
      </c>
      <c r="E31" s="21">
        <v>0</v>
      </c>
      <c r="F31" s="21">
        <v>0</v>
      </c>
      <c r="G31" s="21">
        <v>0</v>
      </c>
      <c r="H31" s="21">
        <v>0</v>
      </c>
      <c r="I31" s="21">
        <v>0</v>
      </c>
      <c r="J31" s="21">
        <v>0</v>
      </c>
    </row>
    <row r="32" spans="2:10" ht="15" customHeight="1">
      <c r="B32" s="14" t="s">
        <v>84</v>
      </c>
      <c r="C32" s="21">
        <v>0</v>
      </c>
      <c r="D32" s="21">
        <v>0</v>
      </c>
      <c r="E32" s="21">
        <v>0</v>
      </c>
      <c r="F32" s="21">
        <v>0</v>
      </c>
      <c r="G32" s="21">
        <v>0</v>
      </c>
      <c r="H32" s="21">
        <v>0</v>
      </c>
      <c r="I32" s="21">
        <v>0</v>
      </c>
      <c r="J32" s="21">
        <v>0</v>
      </c>
    </row>
    <row r="33" spans="2:10" ht="15" customHeight="1">
      <c r="B33" s="5" t="s">
        <v>23</v>
      </c>
      <c r="C33" s="6">
        <v>0</v>
      </c>
      <c r="D33" s="6">
        <v>0</v>
      </c>
      <c r="E33" s="6">
        <v>0</v>
      </c>
      <c r="F33" s="6">
        <v>0</v>
      </c>
      <c r="G33" s="6">
        <v>0</v>
      </c>
      <c r="H33" s="6">
        <v>0</v>
      </c>
      <c r="I33" s="6">
        <v>0</v>
      </c>
      <c r="J33" s="6">
        <v>0</v>
      </c>
    </row>
    <row r="34" spans="2:10" ht="15" customHeight="1">
      <c r="B34" s="16" t="s">
        <v>75</v>
      </c>
      <c r="C34" s="20">
        <v>0</v>
      </c>
      <c r="D34" s="20">
        <v>0</v>
      </c>
      <c r="E34" s="20">
        <v>0</v>
      </c>
      <c r="F34" s="20">
        <v>0</v>
      </c>
      <c r="G34" s="20">
        <v>0</v>
      </c>
      <c r="H34" s="20">
        <v>0</v>
      </c>
      <c r="I34" s="20">
        <v>0</v>
      </c>
      <c r="J34" s="20">
        <v>0</v>
      </c>
    </row>
    <row r="35" spans="2:10" ht="15" customHeight="1">
      <c r="B35" s="7" t="s">
        <v>83</v>
      </c>
      <c r="C35" s="8">
        <v>0</v>
      </c>
      <c r="D35" s="8">
        <v>0</v>
      </c>
      <c r="E35" s="8">
        <v>0</v>
      </c>
      <c r="F35" s="8">
        <v>0</v>
      </c>
      <c r="G35" s="8">
        <v>0</v>
      </c>
      <c r="H35" s="8">
        <v>0</v>
      </c>
      <c r="I35" s="8">
        <v>0</v>
      </c>
      <c r="J35" s="8">
        <v>0</v>
      </c>
    </row>
    <row r="36" spans="2:10" ht="15" customHeight="1">
      <c r="B36" s="9" t="s">
        <v>77</v>
      </c>
      <c r="C36" s="10">
        <v>0</v>
      </c>
      <c r="D36" s="10">
        <v>0</v>
      </c>
      <c r="E36" s="10">
        <v>0</v>
      </c>
      <c r="F36" s="10">
        <v>0</v>
      </c>
      <c r="G36" s="10">
        <v>0</v>
      </c>
      <c r="H36" s="10">
        <v>0</v>
      </c>
      <c r="I36" s="10">
        <v>0</v>
      </c>
      <c r="J36" s="10">
        <v>0</v>
      </c>
    </row>
    <row r="37" spans="2:10" ht="15" customHeight="1">
      <c r="B37" s="9" t="s">
        <v>78</v>
      </c>
      <c r="C37" s="10">
        <v>0</v>
      </c>
      <c r="D37" s="10">
        <v>0</v>
      </c>
      <c r="E37" s="10">
        <v>0</v>
      </c>
      <c r="F37" s="10">
        <v>0</v>
      </c>
      <c r="G37" s="10">
        <v>0</v>
      </c>
      <c r="H37" s="10">
        <v>0</v>
      </c>
      <c r="I37" s="10">
        <v>0</v>
      </c>
      <c r="J37" s="10">
        <v>0</v>
      </c>
    </row>
    <row r="38" spans="2:10" ht="15" customHeight="1">
      <c r="B38" s="7" t="s">
        <v>84</v>
      </c>
      <c r="C38" s="8">
        <v>0</v>
      </c>
      <c r="D38" s="8">
        <v>0</v>
      </c>
      <c r="E38" s="8">
        <v>0</v>
      </c>
      <c r="F38" s="8">
        <v>0</v>
      </c>
      <c r="G38" s="8">
        <v>0</v>
      </c>
      <c r="H38" s="8">
        <v>0</v>
      </c>
      <c r="I38" s="8">
        <v>0</v>
      </c>
      <c r="J38" s="8">
        <v>0</v>
      </c>
    </row>
    <row r="39" spans="2:10" ht="15" customHeight="1">
      <c r="B39" s="16" t="s">
        <v>80</v>
      </c>
      <c r="C39" s="20">
        <v>0</v>
      </c>
      <c r="D39" s="20">
        <v>0</v>
      </c>
      <c r="E39" s="20">
        <v>0</v>
      </c>
      <c r="F39" s="20">
        <v>0</v>
      </c>
      <c r="G39" s="20">
        <v>0</v>
      </c>
      <c r="H39" s="20">
        <v>0</v>
      </c>
      <c r="I39" s="20">
        <v>0</v>
      </c>
      <c r="J39" s="20">
        <v>0</v>
      </c>
    </row>
    <row r="40" spans="2:10" ht="15" customHeight="1">
      <c r="B40" s="14" t="s">
        <v>83</v>
      </c>
      <c r="C40" s="21">
        <v>0</v>
      </c>
      <c r="D40" s="21">
        <v>0</v>
      </c>
      <c r="E40" s="21">
        <v>0</v>
      </c>
      <c r="F40" s="21">
        <v>0</v>
      </c>
      <c r="G40" s="21">
        <v>0</v>
      </c>
      <c r="H40" s="21">
        <v>0</v>
      </c>
      <c r="I40" s="21">
        <v>0</v>
      </c>
      <c r="J40" s="21">
        <v>0</v>
      </c>
    </row>
    <row r="41" spans="2:10" ht="15" customHeight="1">
      <c r="B41" s="14" t="s">
        <v>84</v>
      </c>
      <c r="C41" s="21">
        <v>0</v>
      </c>
      <c r="D41" s="21">
        <v>0</v>
      </c>
      <c r="E41" s="21">
        <v>0</v>
      </c>
      <c r="F41" s="21">
        <v>0</v>
      </c>
      <c r="G41" s="21">
        <v>0</v>
      </c>
      <c r="H41" s="21">
        <v>0</v>
      </c>
      <c r="I41" s="21">
        <v>0</v>
      </c>
      <c r="J41" s="21">
        <v>0</v>
      </c>
    </row>
    <row r="42" spans="2:10" ht="15" customHeight="1">
      <c r="B42" s="5" t="s">
        <v>73</v>
      </c>
      <c r="C42" s="6">
        <v>0</v>
      </c>
      <c r="D42" s="6">
        <v>0</v>
      </c>
      <c r="E42" s="6">
        <v>0</v>
      </c>
      <c r="F42" s="6">
        <v>0</v>
      </c>
      <c r="G42" s="6">
        <v>0</v>
      </c>
      <c r="H42" s="6">
        <v>0</v>
      </c>
      <c r="I42" s="6">
        <v>0</v>
      </c>
      <c r="J42" s="6">
        <v>0</v>
      </c>
    </row>
    <row r="43" spans="2:10" ht="15" customHeight="1">
      <c r="B43" s="16" t="s">
        <v>75</v>
      </c>
      <c r="C43" s="20">
        <v>0</v>
      </c>
      <c r="D43" s="20">
        <v>0</v>
      </c>
      <c r="E43" s="20">
        <v>0</v>
      </c>
      <c r="F43" s="20">
        <v>0</v>
      </c>
      <c r="G43" s="20">
        <v>0</v>
      </c>
      <c r="H43" s="20">
        <v>0</v>
      </c>
      <c r="I43" s="20">
        <v>0</v>
      </c>
      <c r="J43" s="20">
        <v>0</v>
      </c>
    </row>
    <row r="44" spans="2:10" ht="15" customHeight="1">
      <c r="B44" s="7" t="s">
        <v>83</v>
      </c>
      <c r="C44" s="8">
        <v>0</v>
      </c>
      <c r="D44" s="8">
        <v>0</v>
      </c>
      <c r="E44" s="8">
        <v>0</v>
      </c>
      <c r="F44" s="8">
        <v>0</v>
      </c>
      <c r="G44" s="8">
        <v>0</v>
      </c>
      <c r="H44" s="8">
        <v>0</v>
      </c>
      <c r="I44" s="8">
        <v>0</v>
      </c>
      <c r="J44" s="8">
        <v>0</v>
      </c>
    </row>
    <row r="45" spans="2:10" ht="15" customHeight="1">
      <c r="B45" s="9" t="s">
        <v>77</v>
      </c>
      <c r="C45" s="10">
        <v>0</v>
      </c>
      <c r="D45" s="10">
        <v>0</v>
      </c>
      <c r="E45" s="10">
        <v>0</v>
      </c>
      <c r="F45" s="10">
        <v>0</v>
      </c>
      <c r="G45" s="10">
        <v>0</v>
      </c>
      <c r="H45" s="10">
        <v>0</v>
      </c>
      <c r="I45" s="10">
        <v>0</v>
      </c>
      <c r="J45" s="10">
        <v>0</v>
      </c>
    </row>
    <row r="46" spans="2:10" ht="15" customHeight="1">
      <c r="B46" s="9" t="s">
        <v>78</v>
      </c>
      <c r="C46" s="10">
        <v>0</v>
      </c>
      <c r="D46" s="10">
        <v>0</v>
      </c>
      <c r="E46" s="10">
        <v>0</v>
      </c>
      <c r="F46" s="10">
        <v>0</v>
      </c>
      <c r="G46" s="10">
        <v>0</v>
      </c>
      <c r="H46" s="10">
        <v>0</v>
      </c>
      <c r="I46" s="10">
        <v>0</v>
      </c>
      <c r="J46" s="10">
        <v>0</v>
      </c>
    </row>
    <row r="47" spans="2:10" ht="15" customHeight="1">
      <c r="B47" s="7" t="s">
        <v>84</v>
      </c>
      <c r="C47" s="8">
        <v>0</v>
      </c>
      <c r="D47" s="8">
        <v>0</v>
      </c>
      <c r="E47" s="8">
        <v>0</v>
      </c>
      <c r="F47" s="8">
        <v>0</v>
      </c>
      <c r="G47" s="8">
        <v>0</v>
      </c>
      <c r="H47" s="8">
        <v>0</v>
      </c>
      <c r="I47" s="8">
        <v>0</v>
      </c>
      <c r="J47" s="8">
        <v>0</v>
      </c>
    </row>
    <row r="48" spans="2:10" ht="15" customHeight="1">
      <c r="B48" s="16" t="s">
        <v>80</v>
      </c>
      <c r="C48" s="20">
        <v>0</v>
      </c>
      <c r="D48" s="20">
        <v>0</v>
      </c>
      <c r="E48" s="20">
        <v>0</v>
      </c>
      <c r="F48" s="20">
        <v>0</v>
      </c>
      <c r="G48" s="20">
        <v>0</v>
      </c>
      <c r="H48" s="20">
        <v>0</v>
      </c>
      <c r="I48" s="20">
        <v>0</v>
      </c>
      <c r="J48" s="20">
        <v>0</v>
      </c>
    </row>
    <row r="49" spans="2:10" ht="15" customHeight="1">
      <c r="B49" s="14" t="s">
        <v>83</v>
      </c>
      <c r="C49" s="21">
        <v>0</v>
      </c>
      <c r="D49" s="21">
        <v>0</v>
      </c>
      <c r="E49" s="21">
        <v>0</v>
      </c>
      <c r="F49" s="21">
        <v>0</v>
      </c>
      <c r="G49" s="21">
        <v>0</v>
      </c>
      <c r="H49" s="21">
        <v>0</v>
      </c>
      <c r="I49" s="21">
        <v>0</v>
      </c>
      <c r="J49" s="21">
        <v>0</v>
      </c>
    </row>
    <row r="50" spans="2:10" ht="15" customHeight="1">
      <c r="B50" s="14" t="s">
        <v>84</v>
      </c>
      <c r="C50" s="21">
        <v>0</v>
      </c>
      <c r="D50" s="21">
        <v>0</v>
      </c>
      <c r="E50" s="21">
        <v>0</v>
      </c>
      <c r="F50" s="21">
        <v>0</v>
      </c>
      <c r="G50" s="21">
        <v>0</v>
      </c>
      <c r="H50" s="21">
        <v>0</v>
      </c>
      <c r="I50" s="21">
        <v>0</v>
      </c>
      <c r="J50" s="21">
        <v>0</v>
      </c>
    </row>
    <row r="51" spans="2:10" ht="15" customHeight="1">
      <c r="B51" s="5" t="s">
        <v>24</v>
      </c>
      <c r="C51" s="6">
        <v>0</v>
      </c>
      <c r="D51" s="6">
        <v>0</v>
      </c>
      <c r="E51" s="6">
        <v>0</v>
      </c>
      <c r="F51" s="6">
        <v>0</v>
      </c>
      <c r="G51" s="6">
        <v>0</v>
      </c>
      <c r="H51" s="6">
        <v>0</v>
      </c>
      <c r="I51" s="6">
        <v>0</v>
      </c>
      <c r="J51" s="6">
        <v>0</v>
      </c>
    </row>
    <row r="52" spans="2:10" ht="15" customHeight="1">
      <c r="B52" s="16" t="s">
        <v>75</v>
      </c>
      <c r="C52" s="20">
        <v>0</v>
      </c>
      <c r="D52" s="20">
        <v>0</v>
      </c>
      <c r="E52" s="20">
        <v>0</v>
      </c>
      <c r="F52" s="20">
        <v>0</v>
      </c>
      <c r="G52" s="20">
        <v>0</v>
      </c>
      <c r="H52" s="20">
        <v>0</v>
      </c>
      <c r="I52" s="20">
        <v>0</v>
      </c>
      <c r="J52" s="20">
        <v>0</v>
      </c>
    </row>
    <row r="53" spans="2:10" ht="15" customHeight="1">
      <c r="B53" s="7" t="s">
        <v>83</v>
      </c>
      <c r="C53" s="8">
        <v>0</v>
      </c>
      <c r="D53" s="8">
        <v>0</v>
      </c>
      <c r="E53" s="8">
        <v>0</v>
      </c>
      <c r="F53" s="8">
        <v>0</v>
      </c>
      <c r="G53" s="8">
        <v>0</v>
      </c>
      <c r="H53" s="8">
        <v>0</v>
      </c>
      <c r="I53" s="8">
        <v>0</v>
      </c>
      <c r="J53" s="8">
        <v>0</v>
      </c>
    </row>
    <row r="54" spans="2:10" ht="15" customHeight="1">
      <c r="B54" s="9" t="s">
        <v>77</v>
      </c>
      <c r="C54" s="10">
        <v>0</v>
      </c>
      <c r="D54" s="10">
        <v>0</v>
      </c>
      <c r="E54" s="10">
        <v>0</v>
      </c>
      <c r="F54" s="10">
        <v>0</v>
      </c>
      <c r="G54" s="10">
        <v>0</v>
      </c>
      <c r="H54" s="10">
        <v>0</v>
      </c>
      <c r="I54" s="10">
        <v>0</v>
      </c>
      <c r="J54" s="10">
        <v>0</v>
      </c>
    </row>
    <row r="55" spans="2:10" ht="15" customHeight="1">
      <c r="B55" s="9" t="s">
        <v>78</v>
      </c>
      <c r="C55" s="10">
        <v>0</v>
      </c>
      <c r="D55" s="10">
        <v>0</v>
      </c>
      <c r="E55" s="10">
        <v>0</v>
      </c>
      <c r="F55" s="10">
        <v>0</v>
      </c>
      <c r="G55" s="10">
        <v>0</v>
      </c>
      <c r="H55" s="10">
        <v>0</v>
      </c>
      <c r="I55" s="10">
        <v>0</v>
      </c>
      <c r="J55" s="10">
        <v>0</v>
      </c>
    </row>
    <row r="56" spans="2:10" ht="15" customHeight="1">
      <c r="B56" s="7" t="s">
        <v>84</v>
      </c>
      <c r="C56" s="8">
        <v>0</v>
      </c>
      <c r="D56" s="8">
        <v>0</v>
      </c>
      <c r="E56" s="8">
        <v>0</v>
      </c>
      <c r="F56" s="8">
        <v>0</v>
      </c>
      <c r="G56" s="8">
        <v>0</v>
      </c>
      <c r="H56" s="8">
        <v>0</v>
      </c>
      <c r="I56" s="8">
        <v>0</v>
      </c>
      <c r="J56" s="8">
        <v>0</v>
      </c>
    </row>
    <row r="57" spans="2:10" ht="15" customHeight="1">
      <c r="B57" s="16" t="s">
        <v>80</v>
      </c>
      <c r="C57" s="20">
        <v>0</v>
      </c>
      <c r="D57" s="20">
        <v>0</v>
      </c>
      <c r="E57" s="20">
        <v>0</v>
      </c>
      <c r="F57" s="20">
        <v>0</v>
      </c>
      <c r="G57" s="20">
        <v>0</v>
      </c>
      <c r="H57" s="20">
        <v>0</v>
      </c>
      <c r="I57" s="20">
        <v>0</v>
      </c>
      <c r="J57" s="20">
        <v>0</v>
      </c>
    </row>
    <row r="58" spans="2:10" ht="15" customHeight="1">
      <c r="B58" s="14" t="s">
        <v>83</v>
      </c>
      <c r="C58" s="21">
        <v>0</v>
      </c>
      <c r="D58" s="21">
        <v>0</v>
      </c>
      <c r="E58" s="21">
        <v>0</v>
      </c>
      <c r="F58" s="21">
        <v>0</v>
      </c>
      <c r="G58" s="21">
        <v>0</v>
      </c>
      <c r="H58" s="21">
        <v>0</v>
      </c>
      <c r="I58" s="21">
        <v>0</v>
      </c>
      <c r="J58" s="21">
        <v>0</v>
      </c>
    </row>
    <row r="59" spans="2:10" ht="15" customHeight="1">
      <c r="B59" s="14" t="s">
        <v>84</v>
      </c>
      <c r="C59" s="21">
        <v>0</v>
      </c>
      <c r="D59" s="21">
        <v>0</v>
      </c>
      <c r="E59" s="21">
        <v>0</v>
      </c>
      <c r="F59" s="21">
        <v>0</v>
      </c>
      <c r="G59" s="21">
        <v>0</v>
      </c>
      <c r="H59" s="21">
        <v>0</v>
      </c>
      <c r="I59" s="21">
        <v>0</v>
      </c>
      <c r="J59" s="21">
        <v>0</v>
      </c>
    </row>
    <row r="60" spans="2:10" ht="15" customHeight="1">
      <c r="B60" s="5" t="s">
        <v>25</v>
      </c>
      <c r="C60" s="6">
        <v>0</v>
      </c>
      <c r="D60" s="6">
        <v>0</v>
      </c>
      <c r="E60" s="6">
        <v>0</v>
      </c>
      <c r="F60" s="6">
        <v>0</v>
      </c>
      <c r="G60" s="6">
        <v>0</v>
      </c>
      <c r="H60" s="6">
        <v>0</v>
      </c>
      <c r="I60" s="6">
        <v>0</v>
      </c>
      <c r="J60" s="6">
        <v>0</v>
      </c>
    </row>
    <row r="61" spans="2:10" ht="15" customHeight="1">
      <c r="B61" s="16" t="s">
        <v>75</v>
      </c>
      <c r="C61" s="20">
        <v>0</v>
      </c>
      <c r="D61" s="20">
        <v>0</v>
      </c>
      <c r="E61" s="20">
        <v>0</v>
      </c>
      <c r="F61" s="20">
        <v>0</v>
      </c>
      <c r="G61" s="20">
        <v>0</v>
      </c>
      <c r="H61" s="20">
        <v>0</v>
      </c>
      <c r="I61" s="20">
        <v>0</v>
      </c>
      <c r="J61" s="20">
        <v>0</v>
      </c>
    </row>
    <row r="62" spans="2:10" ht="15" customHeight="1">
      <c r="B62" s="7" t="s">
        <v>83</v>
      </c>
      <c r="C62" s="8">
        <v>0</v>
      </c>
      <c r="D62" s="8">
        <v>0</v>
      </c>
      <c r="E62" s="8">
        <v>0</v>
      </c>
      <c r="F62" s="8">
        <v>0</v>
      </c>
      <c r="G62" s="8">
        <v>0</v>
      </c>
      <c r="H62" s="8">
        <v>0</v>
      </c>
      <c r="I62" s="8">
        <v>0</v>
      </c>
      <c r="J62" s="8">
        <v>0</v>
      </c>
    </row>
    <row r="63" spans="2:10" ht="15" customHeight="1">
      <c r="B63" s="9" t="s">
        <v>77</v>
      </c>
      <c r="C63" s="10">
        <v>0</v>
      </c>
      <c r="D63" s="10">
        <v>0</v>
      </c>
      <c r="E63" s="10">
        <v>0</v>
      </c>
      <c r="F63" s="10">
        <v>0</v>
      </c>
      <c r="G63" s="10">
        <v>0</v>
      </c>
      <c r="H63" s="10">
        <v>0</v>
      </c>
      <c r="I63" s="10">
        <v>0</v>
      </c>
      <c r="J63" s="10">
        <v>0</v>
      </c>
    </row>
    <row r="64" spans="2:10" ht="15" customHeight="1">
      <c r="B64" s="9" t="s">
        <v>78</v>
      </c>
      <c r="C64" s="10">
        <v>0</v>
      </c>
      <c r="D64" s="10">
        <v>0</v>
      </c>
      <c r="E64" s="10">
        <v>0</v>
      </c>
      <c r="F64" s="10">
        <v>0</v>
      </c>
      <c r="G64" s="10">
        <v>0</v>
      </c>
      <c r="H64" s="10">
        <v>0</v>
      </c>
      <c r="I64" s="10">
        <v>0</v>
      </c>
      <c r="J64" s="10">
        <v>0</v>
      </c>
    </row>
    <row r="65" spans="2:10" ht="15" customHeight="1">
      <c r="B65" s="7" t="s">
        <v>84</v>
      </c>
      <c r="C65" s="8">
        <v>0</v>
      </c>
      <c r="D65" s="8">
        <v>0</v>
      </c>
      <c r="E65" s="8">
        <v>0</v>
      </c>
      <c r="F65" s="8">
        <v>0</v>
      </c>
      <c r="G65" s="8">
        <v>0</v>
      </c>
      <c r="H65" s="8">
        <v>0</v>
      </c>
      <c r="I65" s="8">
        <v>0</v>
      </c>
      <c r="J65" s="8">
        <v>0</v>
      </c>
    </row>
    <row r="66" spans="2:10" ht="15" customHeight="1">
      <c r="B66" s="16" t="s">
        <v>80</v>
      </c>
      <c r="C66" s="20">
        <v>0</v>
      </c>
      <c r="D66" s="20">
        <v>0</v>
      </c>
      <c r="E66" s="20">
        <v>0</v>
      </c>
      <c r="F66" s="20">
        <v>0</v>
      </c>
      <c r="G66" s="20">
        <v>0</v>
      </c>
      <c r="H66" s="20">
        <v>0</v>
      </c>
      <c r="I66" s="20">
        <v>0</v>
      </c>
      <c r="J66" s="20">
        <v>0</v>
      </c>
    </row>
    <row r="67" spans="2:10" ht="15" customHeight="1">
      <c r="B67" s="14" t="s">
        <v>83</v>
      </c>
      <c r="C67" s="21">
        <v>0</v>
      </c>
      <c r="D67" s="21">
        <v>0</v>
      </c>
      <c r="E67" s="21">
        <v>0</v>
      </c>
      <c r="F67" s="21">
        <v>0</v>
      </c>
      <c r="G67" s="21">
        <v>0</v>
      </c>
      <c r="H67" s="21">
        <v>0</v>
      </c>
      <c r="I67" s="21">
        <v>0</v>
      </c>
      <c r="J67" s="21">
        <v>0</v>
      </c>
    </row>
    <row r="68" spans="2:10" ht="15" customHeight="1">
      <c r="B68" s="14" t="s">
        <v>84</v>
      </c>
      <c r="C68" s="21">
        <v>0</v>
      </c>
      <c r="D68" s="21">
        <v>0</v>
      </c>
      <c r="E68" s="21">
        <v>0</v>
      </c>
      <c r="F68" s="21">
        <v>0</v>
      </c>
      <c r="G68" s="21">
        <v>0</v>
      </c>
      <c r="H68" s="21">
        <v>0</v>
      </c>
      <c r="I68" s="21">
        <v>0</v>
      </c>
      <c r="J68" s="21">
        <v>0</v>
      </c>
    </row>
    <row r="69" spans="2:10" ht="15" customHeight="1">
      <c r="B69" s="5" t="s">
        <v>26</v>
      </c>
      <c r="C69" s="6">
        <v>70758</v>
      </c>
      <c r="D69" s="6">
        <v>199548</v>
      </c>
      <c r="E69" s="6">
        <v>88694</v>
      </c>
      <c r="F69" s="6">
        <v>237287</v>
      </c>
      <c r="G69" s="6">
        <v>159452</v>
      </c>
      <c r="H69" s="6">
        <v>436835</v>
      </c>
      <c r="I69" s="6">
        <v>0</v>
      </c>
      <c r="J69" s="6">
        <v>0</v>
      </c>
    </row>
    <row r="70" spans="2:10" ht="15" customHeight="1">
      <c r="B70" s="16" t="s">
        <v>75</v>
      </c>
      <c r="C70" s="20">
        <v>2846</v>
      </c>
      <c r="D70" s="20">
        <v>2846</v>
      </c>
      <c r="E70" s="20">
        <v>0</v>
      </c>
      <c r="F70" s="20">
        <v>8377</v>
      </c>
      <c r="G70" s="20">
        <v>2846</v>
      </c>
      <c r="H70" s="20">
        <v>11223</v>
      </c>
      <c r="I70" s="20">
        <v>0</v>
      </c>
      <c r="J70" s="20">
        <v>0</v>
      </c>
    </row>
    <row r="71" spans="2:10" ht="15" customHeight="1">
      <c r="B71" s="7" t="s">
        <v>83</v>
      </c>
      <c r="C71" s="8">
        <v>2846</v>
      </c>
      <c r="D71" s="8">
        <v>2846</v>
      </c>
      <c r="E71" s="8">
        <v>0</v>
      </c>
      <c r="F71" s="8">
        <v>8377</v>
      </c>
      <c r="G71" s="8">
        <v>2846</v>
      </c>
      <c r="H71" s="8">
        <v>11223</v>
      </c>
      <c r="I71" s="8">
        <v>0</v>
      </c>
      <c r="J71" s="8">
        <v>0</v>
      </c>
    </row>
    <row r="72" spans="2:10" ht="15" customHeight="1">
      <c r="B72" s="9" t="s">
        <v>77</v>
      </c>
      <c r="C72" s="10">
        <v>2846</v>
      </c>
      <c r="D72" s="10">
        <v>2846</v>
      </c>
      <c r="E72" s="10">
        <v>0</v>
      </c>
      <c r="F72" s="10">
        <v>8377</v>
      </c>
      <c r="G72" s="10">
        <v>2846</v>
      </c>
      <c r="H72" s="10">
        <v>11223</v>
      </c>
      <c r="I72" s="10">
        <v>0</v>
      </c>
      <c r="J72" s="10">
        <v>0</v>
      </c>
    </row>
    <row r="73" spans="2:10" ht="15" customHeight="1">
      <c r="B73" s="9" t="s">
        <v>78</v>
      </c>
      <c r="C73" s="10">
        <v>0</v>
      </c>
      <c r="D73" s="10">
        <v>0</v>
      </c>
      <c r="E73" s="10">
        <v>0</v>
      </c>
      <c r="F73" s="10">
        <v>0</v>
      </c>
      <c r="G73" s="10">
        <v>0</v>
      </c>
      <c r="H73" s="10">
        <v>0</v>
      </c>
      <c r="I73" s="10">
        <v>0</v>
      </c>
      <c r="J73" s="10">
        <v>0</v>
      </c>
    </row>
    <row r="74" spans="2:10" ht="15" customHeight="1">
      <c r="B74" s="7" t="s">
        <v>84</v>
      </c>
      <c r="C74" s="8">
        <v>0</v>
      </c>
      <c r="D74" s="8">
        <v>0</v>
      </c>
      <c r="E74" s="8">
        <v>0</v>
      </c>
      <c r="F74" s="8">
        <v>0</v>
      </c>
      <c r="G74" s="8">
        <v>0</v>
      </c>
      <c r="H74" s="8">
        <v>0</v>
      </c>
      <c r="I74" s="8">
        <v>0</v>
      </c>
      <c r="J74" s="8">
        <v>0</v>
      </c>
    </row>
    <row r="75" spans="2:10" ht="15" customHeight="1">
      <c r="B75" s="16" t="s">
        <v>80</v>
      </c>
      <c r="C75" s="20">
        <v>67912</v>
      </c>
      <c r="D75" s="20">
        <v>196702</v>
      </c>
      <c r="E75" s="20">
        <v>88694</v>
      </c>
      <c r="F75" s="20">
        <v>228910</v>
      </c>
      <c r="G75" s="20">
        <v>156606</v>
      </c>
      <c r="H75" s="20">
        <v>425612</v>
      </c>
      <c r="I75" s="20">
        <v>0</v>
      </c>
      <c r="J75" s="20">
        <v>0</v>
      </c>
    </row>
    <row r="76" spans="2:10" ht="15" customHeight="1">
      <c r="B76" s="14" t="s">
        <v>83</v>
      </c>
      <c r="C76" s="21">
        <v>67912</v>
      </c>
      <c r="D76" s="21">
        <v>196702</v>
      </c>
      <c r="E76" s="21">
        <v>88694</v>
      </c>
      <c r="F76" s="21">
        <v>228910</v>
      </c>
      <c r="G76" s="21">
        <v>156606</v>
      </c>
      <c r="H76" s="21">
        <v>425612</v>
      </c>
      <c r="I76" s="21">
        <v>0</v>
      </c>
      <c r="J76" s="21">
        <v>0</v>
      </c>
    </row>
    <row r="77" spans="2:10" ht="15" customHeight="1">
      <c r="B77" s="14" t="s">
        <v>84</v>
      </c>
      <c r="C77" s="21">
        <v>0</v>
      </c>
      <c r="D77" s="21">
        <v>0</v>
      </c>
      <c r="E77" s="21">
        <v>0</v>
      </c>
      <c r="F77" s="21">
        <v>0</v>
      </c>
      <c r="G77" s="21">
        <v>0</v>
      </c>
      <c r="H77" s="21">
        <v>0</v>
      </c>
      <c r="I77" s="21">
        <v>0</v>
      </c>
      <c r="J77" s="21">
        <v>0</v>
      </c>
    </row>
    <row r="78" spans="2:10" ht="15" customHeight="1">
      <c r="B78" s="5" t="s">
        <v>27</v>
      </c>
      <c r="C78" s="6">
        <v>0</v>
      </c>
      <c r="D78" s="6">
        <v>56</v>
      </c>
      <c r="E78" s="6">
        <v>0</v>
      </c>
      <c r="F78" s="6">
        <v>0</v>
      </c>
      <c r="G78" s="6">
        <v>0</v>
      </c>
      <c r="H78" s="6">
        <v>56</v>
      </c>
      <c r="I78" s="6">
        <v>0</v>
      </c>
      <c r="J78" s="6">
        <v>0</v>
      </c>
    </row>
    <row r="79" spans="2:10" ht="15" customHeight="1">
      <c r="B79" s="16" t="s">
        <v>75</v>
      </c>
      <c r="C79" s="20">
        <v>0</v>
      </c>
      <c r="D79" s="20">
        <v>56</v>
      </c>
      <c r="E79" s="20">
        <v>0</v>
      </c>
      <c r="F79" s="20">
        <v>0</v>
      </c>
      <c r="G79" s="20">
        <v>0</v>
      </c>
      <c r="H79" s="20">
        <v>56</v>
      </c>
      <c r="I79" s="20">
        <v>0</v>
      </c>
      <c r="J79" s="20">
        <v>0</v>
      </c>
    </row>
    <row r="80" spans="2:10" ht="15" customHeight="1">
      <c r="B80" s="7" t="s">
        <v>83</v>
      </c>
      <c r="C80" s="8">
        <v>0</v>
      </c>
      <c r="D80" s="8">
        <v>56</v>
      </c>
      <c r="E80" s="8">
        <v>0</v>
      </c>
      <c r="F80" s="8">
        <v>0</v>
      </c>
      <c r="G80" s="8">
        <v>0</v>
      </c>
      <c r="H80" s="8">
        <v>56</v>
      </c>
      <c r="I80" s="8">
        <v>0</v>
      </c>
      <c r="J80" s="8">
        <v>0</v>
      </c>
    </row>
    <row r="81" spans="2:10" ht="15" customHeight="1">
      <c r="B81" s="9" t="s">
        <v>77</v>
      </c>
      <c r="C81" s="10">
        <v>0</v>
      </c>
      <c r="D81" s="10">
        <v>56</v>
      </c>
      <c r="E81" s="10">
        <v>0</v>
      </c>
      <c r="F81" s="10">
        <v>0</v>
      </c>
      <c r="G81" s="10">
        <v>0</v>
      </c>
      <c r="H81" s="10">
        <v>56</v>
      </c>
      <c r="I81" s="10">
        <v>0</v>
      </c>
      <c r="J81" s="10">
        <v>0</v>
      </c>
    </row>
    <row r="82" spans="2:10" ht="15" customHeight="1">
      <c r="B82" s="9" t="s">
        <v>78</v>
      </c>
      <c r="C82" s="10">
        <v>0</v>
      </c>
      <c r="D82" s="10">
        <v>0</v>
      </c>
      <c r="E82" s="10">
        <v>0</v>
      </c>
      <c r="F82" s="10">
        <v>0</v>
      </c>
      <c r="G82" s="10">
        <v>0</v>
      </c>
      <c r="H82" s="10">
        <v>0</v>
      </c>
      <c r="I82" s="10">
        <v>0</v>
      </c>
      <c r="J82" s="10">
        <v>0</v>
      </c>
    </row>
    <row r="83" spans="2:10" ht="15" customHeight="1">
      <c r="B83" s="7" t="s">
        <v>84</v>
      </c>
      <c r="C83" s="8">
        <v>0</v>
      </c>
      <c r="D83" s="8">
        <v>0</v>
      </c>
      <c r="E83" s="8">
        <v>0</v>
      </c>
      <c r="F83" s="8">
        <v>0</v>
      </c>
      <c r="G83" s="8">
        <v>0</v>
      </c>
      <c r="H83" s="8">
        <v>0</v>
      </c>
      <c r="I83" s="8">
        <v>0</v>
      </c>
      <c r="J83" s="8">
        <v>0</v>
      </c>
    </row>
    <row r="84" spans="2:10" ht="15" customHeight="1">
      <c r="B84" s="16" t="s">
        <v>80</v>
      </c>
      <c r="C84" s="20">
        <v>0</v>
      </c>
      <c r="D84" s="20">
        <v>0</v>
      </c>
      <c r="E84" s="20">
        <v>0</v>
      </c>
      <c r="F84" s="20">
        <v>0</v>
      </c>
      <c r="G84" s="20">
        <v>0</v>
      </c>
      <c r="H84" s="20">
        <v>0</v>
      </c>
      <c r="I84" s="20">
        <v>0</v>
      </c>
      <c r="J84" s="20">
        <v>0</v>
      </c>
    </row>
    <row r="85" spans="2:10" ht="15" customHeight="1">
      <c r="B85" s="14" t="s">
        <v>83</v>
      </c>
      <c r="C85" s="21">
        <v>0</v>
      </c>
      <c r="D85" s="21">
        <v>0</v>
      </c>
      <c r="E85" s="21">
        <v>0</v>
      </c>
      <c r="F85" s="21">
        <v>0</v>
      </c>
      <c r="G85" s="21">
        <v>0</v>
      </c>
      <c r="H85" s="21">
        <v>0</v>
      </c>
      <c r="I85" s="21">
        <v>0</v>
      </c>
      <c r="J85" s="21">
        <v>0</v>
      </c>
    </row>
    <row r="86" spans="2:10" ht="15" customHeight="1">
      <c r="B86" s="14" t="s">
        <v>84</v>
      </c>
      <c r="C86" s="21">
        <v>0</v>
      </c>
      <c r="D86" s="21">
        <v>0</v>
      </c>
      <c r="E86" s="21">
        <v>0</v>
      </c>
      <c r="F86" s="21">
        <v>0</v>
      </c>
      <c r="G86" s="21">
        <v>0</v>
      </c>
      <c r="H86" s="21">
        <v>0</v>
      </c>
      <c r="I86" s="21">
        <v>0</v>
      </c>
      <c r="J86" s="21">
        <v>0</v>
      </c>
    </row>
    <row r="87" spans="2:10" ht="15" customHeight="1">
      <c r="B87" s="5" t="s">
        <v>28</v>
      </c>
      <c r="C87" s="6">
        <v>0</v>
      </c>
      <c r="D87" s="6">
        <v>0</v>
      </c>
      <c r="E87" s="6">
        <v>0</v>
      </c>
      <c r="F87" s="6">
        <v>0</v>
      </c>
      <c r="G87" s="6">
        <v>0</v>
      </c>
      <c r="H87" s="6">
        <v>0</v>
      </c>
      <c r="I87" s="6">
        <v>0</v>
      </c>
      <c r="J87" s="6">
        <v>0</v>
      </c>
    </row>
    <row r="88" spans="2:10" ht="15" customHeight="1">
      <c r="B88" s="16" t="s">
        <v>75</v>
      </c>
      <c r="C88" s="20">
        <v>0</v>
      </c>
      <c r="D88" s="20">
        <v>0</v>
      </c>
      <c r="E88" s="20">
        <v>0</v>
      </c>
      <c r="F88" s="20">
        <v>0</v>
      </c>
      <c r="G88" s="20">
        <v>0</v>
      </c>
      <c r="H88" s="20">
        <v>0</v>
      </c>
      <c r="I88" s="20">
        <v>0</v>
      </c>
      <c r="J88" s="20">
        <v>0</v>
      </c>
    </row>
    <row r="89" spans="2:10" ht="15" customHeight="1">
      <c r="B89" s="7" t="s">
        <v>83</v>
      </c>
      <c r="C89" s="8">
        <v>0</v>
      </c>
      <c r="D89" s="8">
        <v>0</v>
      </c>
      <c r="E89" s="8">
        <v>0</v>
      </c>
      <c r="F89" s="8">
        <v>0</v>
      </c>
      <c r="G89" s="8">
        <v>0</v>
      </c>
      <c r="H89" s="8">
        <v>0</v>
      </c>
      <c r="I89" s="8">
        <v>0</v>
      </c>
      <c r="J89" s="8">
        <v>0</v>
      </c>
    </row>
    <row r="90" spans="2:10" ht="15" customHeight="1">
      <c r="B90" s="9" t="s">
        <v>77</v>
      </c>
      <c r="C90" s="10">
        <v>0</v>
      </c>
      <c r="D90" s="10">
        <v>0</v>
      </c>
      <c r="E90" s="10">
        <v>0</v>
      </c>
      <c r="F90" s="10">
        <v>0</v>
      </c>
      <c r="G90" s="10">
        <v>0</v>
      </c>
      <c r="H90" s="10">
        <v>0</v>
      </c>
      <c r="I90" s="10">
        <v>0</v>
      </c>
      <c r="J90" s="10">
        <v>0</v>
      </c>
    </row>
    <row r="91" spans="2:10" ht="15" customHeight="1">
      <c r="B91" s="9" t="s">
        <v>78</v>
      </c>
      <c r="C91" s="10">
        <v>0</v>
      </c>
      <c r="D91" s="10">
        <v>0</v>
      </c>
      <c r="E91" s="10">
        <v>0</v>
      </c>
      <c r="F91" s="10">
        <v>0</v>
      </c>
      <c r="G91" s="10">
        <v>0</v>
      </c>
      <c r="H91" s="10">
        <v>0</v>
      </c>
      <c r="I91" s="10">
        <v>0</v>
      </c>
      <c r="J91" s="10">
        <v>0</v>
      </c>
    </row>
    <row r="92" spans="2:10" ht="15" customHeight="1">
      <c r="B92" s="7" t="s">
        <v>84</v>
      </c>
      <c r="C92" s="8">
        <v>0</v>
      </c>
      <c r="D92" s="8">
        <v>0</v>
      </c>
      <c r="E92" s="8">
        <v>0</v>
      </c>
      <c r="F92" s="8">
        <v>0</v>
      </c>
      <c r="G92" s="8">
        <v>0</v>
      </c>
      <c r="H92" s="8">
        <v>0</v>
      </c>
      <c r="I92" s="8">
        <v>0</v>
      </c>
      <c r="J92" s="8">
        <v>0</v>
      </c>
    </row>
    <row r="93" spans="2:10" ht="15" customHeight="1">
      <c r="B93" s="16" t="s">
        <v>80</v>
      </c>
      <c r="C93" s="20">
        <v>0</v>
      </c>
      <c r="D93" s="20">
        <v>0</v>
      </c>
      <c r="E93" s="20">
        <v>0</v>
      </c>
      <c r="F93" s="20">
        <v>0</v>
      </c>
      <c r="G93" s="20">
        <v>0</v>
      </c>
      <c r="H93" s="20">
        <v>0</v>
      </c>
      <c r="I93" s="20">
        <v>0</v>
      </c>
      <c r="J93" s="20">
        <v>0</v>
      </c>
    </row>
    <row r="94" spans="2:10" ht="15" customHeight="1">
      <c r="B94" s="14" t="s">
        <v>83</v>
      </c>
      <c r="C94" s="21">
        <v>0</v>
      </c>
      <c r="D94" s="21">
        <v>0</v>
      </c>
      <c r="E94" s="21">
        <v>0</v>
      </c>
      <c r="F94" s="21">
        <v>0</v>
      </c>
      <c r="G94" s="21">
        <v>0</v>
      </c>
      <c r="H94" s="21">
        <v>0</v>
      </c>
      <c r="I94" s="21">
        <v>0</v>
      </c>
      <c r="J94" s="21">
        <v>0</v>
      </c>
    </row>
    <row r="95" spans="2:10" ht="15" customHeight="1">
      <c r="B95" s="14" t="s">
        <v>84</v>
      </c>
      <c r="C95" s="21">
        <v>0</v>
      </c>
      <c r="D95" s="21">
        <v>0</v>
      </c>
      <c r="E95" s="21">
        <v>0</v>
      </c>
      <c r="F95" s="21">
        <v>0</v>
      </c>
      <c r="G95" s="21">
        <v>0</v>
      </c>
      <c r="H95" s="21">
        <v>0</v>
      </c>
      <c r="I95" s="21">
        <v>0</v>
      </c>
      <c r="J95" s="21">
        <v>0</v>
      </c>
    </row>
    <row r="96" spans="2:10" ht="15" customHeight="1">
      <c r="B96" s="5" t="s">
        <v>29</v>
      </c>
      <c r="C96" s="6">
        <v>150590</v>
      </c>
      <c r="D96" s="6">
        <v>435648</v>
      </c>
      <c r="E96" s="6">
        <v>72352</v>
      </c>
      <c r="F96" s="6">
        <v>314763</v>
      </c>
      <c r="G96" s="6">
        <v>222942</v>
      </c>
      <c r="H96" s="6">
        <v>750411</v>
      </c>
      <c r="I96" s="6">
        <v>323819</v>
      </c>
      <c r="J96" s="6">
        <v>1002073</v>
      </c>
    </row>
    <row r="97" spans="2:10" ht="15" customHeight="1">
      <c r="B97" s="16" t="s">
        <v>75</v>
      </c>
      <c r="C97" s="20">
        <v>150590</v>
      </c>
      <c r="D97" s="20">
        <v>435648</v>
      </c>
      <c r="E97" s="20">
        <v>72352</v>
      </c>
      <c r="F97" s="20">
        <v>314763</v>
      </c>
      <c r="G97" s="20">
        <v>222942</v>
      </c>
      <c r="H97" s="20">
        <v>750411</v>
      </c>
      <c r="I97" s="20">
        <v>323819</v>
      </c>
      <c r="J97" s="20">
        <v>1002073</v>
      </c>
    </row>
    <row r="98" spans="2:10" ht="15" customHeight="1">
      <c r="B98" s="7" t="s">
        <v>83</v>
      </c>
      <c r="C98" s="8">
        <v>150590</v>
      </c>
      <c r="D98" s="8">
        <v>435648</v>
      </c>
      <c r="E98" s="8">
        <v>31803</v>
      </c>
      <c r="F98" s="8">
        <v>121061</v>
      </c>
      <c r="G98" s="8">
        <v>182393</v>
      </c>
      <c r="H98" s="8">
        <v>556709</v>
      </c>
      <c r="I98" s="8">
        <v>323819</v>
      </c>
      <c r="J98" s="8">
        <v>954798</v>
      </c>
    </row>
    <row r="99" spans="2:10" ht="15" customHeight="1">
      <c r="B99" s="9" t="s">
        <v>77</v>
      </c>
      <c r="C99" s="10">
        <v>150590</v>
      </c>
      <c r="D99" s="10">
        <v>435648</v>
      </c>
      <c r="E99" s="10">
        <v>31803</v>
      </c>
      <c r="F99" s="10">
        <v>121061</v>
      </c>
      <c r="G99" s="10">
        <v>182393</v>
      </c>
      <c r="H99" s="10">
        <v>556709</v>
      </c>
      <c r="I99" s="10">
        <v>323819</v>
      </c>
      <c r="J99" s="10">
        <v>954798</v>
      </c>
    </row>
    <row r="100" spans="2:10" ht="15" customHeight="1">
      <c r="B100" s="9" t="s">
        <v>78</v>
      </c>
      <c r="C100" s="10">
        <v>0</v>
      </c>
      <c r="D100" s="10">
        <v>0</v>
      </c>
      <c r="E100" s="10">
        <v>0</v>
      </c>
      <c r="F100" s="10">
        <v>0</v>
      </c>
      <c r="G100" s="10">
        <v>0</v>
      </c>
      <c r="H100" s="10">
        <v>0</v>
      </c>
      <c r="I100" s="10">
        <v>0</v>
      </c>
      <c r="J100" s="10">
        <v>0</v>
      </c>
    </row>
    <row r="101" spans="2:10" ht="15" customHeight="1">
      <c r="B101" s="7" t="s">
        <v>84</v>
      </c>
      <c r="C101" s="8">
        <v>0</v>
      </c>
      <c r="D101" s="8">
        <v>0</v>
      </c>
      <c r="E101" s="8">
        <v>40549</v>
      </c>
      <c r="F101" s="8">
        <v>193702</v>
      </c>
      <c r="G101" s="8">
        <v>40549</v>
      </c>
      <c r="H101" s="8">
        <v>193702</v>
      </c>
      <c r="I101" s="8">
        <v>0</v>
      </c>
      <c r="J101" s="8">
        <v>47275</v>
      </c>
    </row>
    <row r="102" spans="2:10" ht="15" customHeight="1">
      <c r="B102" s="16" t="s">
        <v>80</v>
      </c>
      <c r="C102" s="20">
        <v>0</v>
      </c>
      <c r="D102" s="20">
        <v>0</v>
      </c>
      <c r="E102" s="20">
        <v>0</v>
      </c>
      <c r="F102" s="20">
        <v>0</v>
      </c>
      <c r="G102" s="20">
        <v>0</v>
      </c>
      <c r="H102" s="20">
        <v>0</v>
      </c>
      <c r="I102" s="20">
        <v>0</v>
      </c>
      <c r="J102" s="20">
        <v>0</v>
      </c>
    </row>
    <row r="103" spans="2:10" ht="15" customHeight="1">
      <c r="B103" s="14" t="s">
        <v>83</v>
      </c>
      <c r="C103" s="21">
        <v>0</v>
      </c>
      <c r="D103" s="21">
        <v>0</v>
      </c>
      <c r="E103" s="21">
        <v>0</v>
      </c>
      <c r="F103" s="21">
        <v>0</v>
      </c>
      <c r="G103" s="21">
        <v>0</v>
      </c>
      <c r="H103" s="21">
        <v>0</v>
      </c>
      <c r="I103" s="21">
        <v>0</v>
      </c>
      <c r="J103" s="21">
        <v>0</v>
      </c>
    </row>
    <row r="104" spans="2:10" ht="15" customHeight="1">
      <c r="B104" s="14" t="s">
        <v>84</v>
      </c>
      <c r="C104" s="21">
        <v>0</v>
      </c>
      <c r="D104" s="21">
        <v>0</v>
      </c>
      <c r="E104" s="21">
        <v>0</v>
      </c>
      <c r="F104" s="21">
        <v>0</v>
      </c>
      <c r="G104" s="21">
        <v>0</v>
      </c>
      <c r="H104" s="21">
        <v>0</v>
      </c>
      <c r="I104" s="21">
        <v>0</v>
      </c>
      <c r="J104" s="21">
        <v>0</v>
      </c>
    </row>
    <row r="105" spans="2:10" ht="15" customHeight="1">
      <c r="B105" s="5" t="s">
        <v>30</v>
      </c>
      <c r="C105" s="6">
        <v>0</v>
      </c>
      <c r="D105" s="6">
        <v>0</v>
      </c>
      <c r="E105" s="6">
        <v>0</v>
      </c>
      <c r="F105" s="6">
        <v>969</v>
      </c>
      <c r="G105" s="6">
        <v>0</v>
      </c>
      <c r="H105" s="6">
        <v>969</v>
      </c>
      <c r="I105" s="6">
        <v>0</v>
      </c>
      <c r="J105" s="6">
        <v>0</v>
      </c>
    </row>
    <row r="106" spans="2:10" ht="15" customHeight="1">
      <c r="B106" s="16" t="s">
        <v>75</v>
      </c>
      <c r="C106" s="20">
        <v>0</v>
      </c>
      <c r="D106" s="20">
        <v>0</v>
      </c>
      <c r="E106" s="20">
        <v>0</v>
      </c>
      <c r="F106" s="20">
        <v>969</v>
      </c>
      <c r="G106" s="20">
        <v>0</v>
      </c>
      <c r="H106" s="20">
        <v>969</v>
      </c>
      <c r="I106" s="20">
        <v>0</v>
      </c>
      <c r="J106" s="20">
        <v>0</v>
      </c>
    </row>
    <row r="107" spans="2:10" ht="15" customHeight="1">
      <c r="B107" s="7" t="s">
        <v>83</v>
      </c>
      <c r="C107" s="8">
        <v>0</v>
      </c>
      <c r="D107" s="8">
        <v>0</v>
      </c>
      <c r="E107" s="8">
        <v>0</v>
      </c>
      <c r="F107" s="8">
        <v>969</v>
      </c>
      <c r="G107" s="8">
        <v>0</v>
      </c>
      <c r="H107" s="8">
        <v>969</v>
      </c>
      <c r="I107" s="8">
        <v>0</v>
      </c>
      <c r="J107" s="8">
        <v>0</v>
      </c>
    </row>
    <row r="108" spans="2:10" ht="15" customHeight="1">
      <c r="B108" s="9" t="s">
        <v>77</v>
      </c>
      <c r="C108" s="10">
        <v>0</v>
      </c>
      <c r="D108" s="10">
        <v>0</v>
      </c>
      <c r="E108" s="10">
        <v>0</v>
      </c>
      <c r="F108" s="10">
        <v>969</v>
      </c>
      <c r="G108" s="10">
        <v>0</v>
      </c>
      <c r="H108" s="10">
        <v>969</v>
      </c>
      <c r="I108" s="10">
        <v>0</v>
      </c>
      <c r="J108" s="10">
        <v>0</v>
      </c>
    </row>
    <row r="109" spans="2:10" ht="15" customHeight="1">
      <c r="B109" s="9" t="s">
        <v>78</v>
      </c>
      <c r="C109" s="10">
        <v>0</v>
      </c>
      <c r="D109" s="10">
        <v>0</v>
      </c>
      <c r="E109" s="10">
        <v>0</v>
      </c>
      <c r="F109" s="10">
        <v>0</v>
      </c>
      <c r="G109" s="10">
        <v>0</v>
      </c>
      <c r="H109" s="10">
        <v>0</v>
      </c>
      <c r="I109" s="10">
        <v>0</v>
      </c>
      <c r="J109" s="10">
        <v>0</v>
      </c>
    </row>
    <row r="110" spans="2:10" ht="15" customHeight="1">
      <c r="B110" s="7" t="s">
        <v>84</v>
      </c>
      <c r="C110" s="8">
        <v>0</v>
      </c>
      <c r="D110" s="8">
        <v>0</v>
      </c>
      <c r="E110" s="8">
        <v>0</v>
      </c>
      <c r="F110" s="8">
        <v>0</v>
      </c>
      <c r="G110" s="8">
        <v>0</v>
      </c>
      <c r="H110" s="8">
        <v>0</v>
      </c>
      <c r="I110" s="8">
        <v>0</v>
      </c>
      <c r="J110" s="8">
        <v>0</v>
      </c>
    </row>
    <row r="111" spans="2:10" ht="15" customHeight="1">
      <c r="B111" s="16" t="s">
        <v>80</v>
      </c>
      <c r="C111" s="20">
        <v>0</v>
      </c>
      <c r="D111" s="20">
        <v>0</v>
      </c>
      <c r="E111" s="20">
        <v>0</v>
      </c>
      <c r="F111" s="20">
        <v>0</v>
      </c>
      <c r="G111" s="20">
        <v>0</v>
      </c>
      <c r="H111" s="20">
        <v>0</v>
      </c>
      <c r="I111" s="20">
        <v>0</v>
      </c>
      <c r="J111" s="20">
        <v>0</v>
      </c>
    </row>
    <row r="112" spans="2:10" ht="15" customHeight="1">
      <c r="B112" s="14" t="s">
        <v>83</v>
      </c>
      <c r="C112" s="21">
        <v>0</v>
      </c>
      <c r="D112" s="21">
        <v>0</v>
      </c>
      <c r="E112" s="21">
        <v>0</v>
      </c>
      <c r="F112" s="21">
        <v>0</v>
      </c>
      <c r="G112" s="21">
        <v>0</v>
      </c>
      <c r="H112" s="21">
        <v>0</v>
      </c>
      <c r="I112" s="21">
        <v>0</v>
      </c>
      <c r="J112" s="21">
        <v>0</v>
      </c>
    </row>
    <row r="113" spans="2:10" ht="15" customHeight="1">
      <c r="B113" s="14" t="s">
        <v>84</v>
      </c>
      <c r="C113" s="21">
        <v>0</v>
      </c>
      <c r="D113" s="21">
        <v>0</v>
      </c>
      <c r="E113" s="21">
        <v>0</v>
      </c>
      <c r="F113" s="21">
        <v>0</v>
      </c>
      <c r="G113" s="21">
        <v>0</v>
      </c>
      <c r="H113" s="21">
        <v>0</v>
      </c>
      <c r="I113" s="21">
        <v>0</v>
      </c>
      <c r="J113" s="21">
        <v>0</v>
      </c>
    </row>
    <row r="114" spans="2:10" ht="15" customHeight="1">
      <c r="B114" s="5" t="s">
        <v>31</v>
      </c>
      <c r="C114" s="6">
        <v>0</v>
      </c>
      <c r="D114" s="6">
        <v>0</v>
      </c>
      <c r="E114" s="6">
        <v>0</v>
      </c>
      <c r="F114" s="6">
        <v>0</v>
      </c>
      <c r="G114" s="6">
        <v>0</v>
      </c>
      <c r="H114" s="6">
        <v>0</v>
      </c>
      <c r="I114" s="6">
        <v>0</v>
      </c>
      <c r="J114" s="6">
        <v>0</v>
      </c>
    </row>
    <row r="115" spans="2:10" ht="15" customHeight="1">
      <c r="B115" s="16" t="s">
        <v>75</v>
      </c>
      <c r="C115" s="20">
        <v>0</v>
      </c>
      <c r="D115" s="20">
        <v>0</v>
      </c>
      <c r="E115" s="20">
        <v>0</v>
      </c>
      <c r="F115" s="20">
        <v>0</v>
      </c>
      <c r="G115" s="20">
        <v>0</v>
      </c>
      <c r="H115" s="20">
        <v>0</v>
      </c>
      <c r="I115" s="20">
        <v>0</v>
      </c>
      <c r="J115" s="20">
        <v>0</v>
      </c>
    </row>
    <row r="116" spans="2:10" ht="15" customHeight="1">
      <c r="B116" s="7" t="s">
        <v>83</v>
      </c>
      <c r="C116" s="8">
        <v>0</v>
      </c>
      <c r="D116" s="8">
        <v>0</v>
      </c>
      <c r="E116" s="8">
        <v>0</v>
      </c>
      <c r="F116" s="8">
        <v>0</v>
      </c>
      <c r="G116" s="8">
        <v>0</v>
      </c>
      <c r="H116" s="8">
        <v>0</v>
      </c>
      <c r="I116" s="8">
        <v>0</v>
      </c>
      <c r="J116" s="8">
        <v>0</v>
      </c>
    </row>
    <row r="117" spans="2:10" ht="15" customHeight="1">
      <c r="B117" s="9" t="s">
        <v>77</v>
      </c>
      <c r="C117" s="10">
        <v>0</v>
      </c>
      <c r="D117" s="10">
        <v>0</v>
      </c>
      <c r="E117" s="10">
        <v>0</v>
      </c>
      <c r="F117" s="10">
        <v>0</v>
      </c>
      <c r="G117" s="10">
        <v>0</v>
      </c>
      <c r="H117" s="10">
        <v>0</v>
      </c>
      <c r="I117" s="10">
        <v>0</v>
      </c>
      <c r="J117" s="10">
        <v>0</v>
      </c>
    </row>
    <row r="118" spans="2:10" ht="15" customHeight="1">
      <c r="B118" s="9" t="s">
        <v>78</v>
      </c>
      <c r="C118" s="10">
        <v>0</v>
      </c>
      <c r="D118" s="10">
        <v>0</v>
      </c>
      <c r="E118" s="10">
        <v>0</v>
      </c>
      <c r="F118" s="10">
        <v>0</v>
      </c>
      <c r="G118" s="10">
        <v>0</v>
      </c>
      <c r="H118" s="10">
        <v>0</v>
      </c>
      <c r="I118" s="10">
        <v>0</v>
      </c>
      <c r="J118" s="10">
        <v>0</v>
      </c>
    </row>
    <row r="119" spans="2:10" ht="15" customHeight="1">
      <c r="B119" s="7" t="s">
        <v>84</v>
      </c>
      <c r="C119" s="8">
        <v>0</v>
      </c>
      <c r="D119" s="8">
        <v>0</v>
      </c>
      <c r="E119" s="8">
        <v>0</v>
      </c>
      <c r="F119" s="8">
        <v>0</v>
      </c>
      <c r="G119" s="8">
        <v>0</v>
      </c>
      <c r="H119" s="8">
        <v>0</v>
      </c>
      <c r="I119" s="8">
        <v>0</v>
      </c>
      <c r="J119" s="8">
        <v>0</v>
      </c>
    </row>
    <row r="120" spans="2:10" ht="15" customHeight="1">
      <c r="B120" s="16" t="s">
        <v>80</v>
      </c>
      <c r="C120" s="20">
        <v>0</v>
      </c>
      <c r="D120" s="20">
        <v>0</v>
      </c>
      <c r="E120" s="20">
        <v>0</v>
      </c>
      <c r="F120" s="20">
        <v>0</v>
      </c>
      <c r="G120" s="20">
        <v>0</v>
      </c>
      <c r="H120" s="20">
        <v>0</v>
      </c>
      <c r="I120" s="20">
        <v>0</v>
      </c>
      <c r="J120" s="20">
        <v>0</v>
      </c>
    </row>
    <row r="121" spans="2:10" ht="15" customHeight="1">
      <c r="B121" s="14" t="s">
        <v>83</v>
      </c>
      <c r="C121" s="21">
        <v>0</v>
      </c>
      <c r="D121" s="21">
        <v>0</v>
      </c>
      <c r="E121" s="21">
        <v>0</v>
      </c>
      <c r="F121" s="21">
        <v>0</v>
      </c>
      <c r="G121" s="21">
        <v>0</v>
      </c>
      <c r="H121" s="21">
        <v>0</v>
      </c>
      <c r="I121" s="21">
        <v>0</v>
      </c>
      <c r="J121" s="21">
        <v>0</v>
      </c>
    </row>
    <row r="122" spans="2:10" ht="15" customHeight="1">
      <c r="B122" s="14" t="s">
        <v>84</v>
      </c>
      <c r="C122" s="21">
        <v>0</v>
      </c>
      <c r="D122" s="21">
        <v>0</v>
      </c>
      <c r="E122" s="21">
        <v>0</v>
      </c>
      <c r="F122" s="21">
        <v>0</v>
      </c>
      <c r="G122" s="21">
        <v>0</v>
      </c>
      <c r="H122" s="21">
        <v>0</v>
      </c>
      <c r="I122" s="21">
        <v>0</v>
      </c>
      <c r="J122" s="21">
        <v>0</v>
      </c>
    </row>
    <row r="123" spans="2:10" ht="15" customHeight="1">
      <c r="B123" s="5" t="s">
        <v>32</v>
      </c>
      <c r="C123" s="6">
        <v>0</v>
      </c>
      <c r="D123" s="6">
        <v>0</v>
      </c>
      <c r="E123" s="6">
        <v>0</v>
      </c>
      <c r="F123" s="6">
        <v>0</v>
      </c>
      <c r="G123" s="6">
        <v>0</v>
      </c>
      <c r="H123" s="6">
        <v>0</v>
      </c>
      <c r="I123" s="6">
        <v>0</v>
      </c>
      <c r="J123" s="6">
        <v>0</v>
      </c>
    </row>
    <row r="124" spans="2:10" ht="15" customHeight="1">
      <c r="B124" s="16" t="s">
        <v>75</v>
      </c>
      <c r="C124" s="20">
        <v>0</v>
      </c>
      <c r="D124" s="20">
        <v>0</v>
      </c>
      <c r="E124" s="20">
        <v>0</v>
      </c>
      <c r="F124" s="20">
        <v>0</v>
      </c>
      <c r="G124" s="20">
        <v>0</v>
      </c>
      <c r="H124" s="20">
        <v>0</v>
      </c>
      <c r="I124" s="20">
        <v>0</v>
      </c>
      <c r="J124" s="20">
        <v>0</v>
      </c>
    </row>
    <row r="125" spans="2:10" ht="15" customHeight="1">
      <c r="B125" s="7" t="s">
        <v>83</v>
      </c>
      <c r="C125" s="8">
        <v>0</v>
      </c>
      <c r="D125" s="8">
        <v>0</v>
      </c>
      <c r="E125" s="8">
        <v>0</v>
      </c>
      <c r="F125" s="8">
        <v>0</v>
      </c>
      <c r="G125" s="8">
        <v>0</v>
      </c>
      <c r="H125" s="8">
        <v>0</v>
      </c>
      <c r="I125" s="8">
        <v>0</v>
      </c>
      <c r="J125" s="8">
        <v>0</v>
      </c>
    </row>
    <row r="126" spans="2:10" ht="15" customHeight="1">
      <c r="B126" s="9" t="s">
        <v>77</v>
      </c>
      <c r="C126" s="10">
        <v>0</v>
      </c>
      <c r="D126" s="10">
        <v>0</v>
      </c>
      <c r="E126" s="10">
        <v>0</v>
      </c>
      <c r="F126" s="10">
        <v>0</v>
      </c>
      <c r="G126" s="10">
        <v>0</v>
      </c>
      <c r="H126" s="10">
        <v>0</v>
      </c>
      <c r="I126" s="10">
        <v>0</v>
      </c>
      <c r="J126" s="10">
        <v>0</v>
      </c>
    </row>
    <row r="127" spans="2:10" ht="15" customHeight="1">
      <c r="B127" s="9" t="s">
        <v>78</v>
      </c>
      <c r="C127" s="10">
        <v>0</v>
      </c>
      <c r="D127" s="10">
        <v>0</v>
      </c>
      <c r="E127" s="10">
        <v>0</v>
      </c>
      <c r="F127" s="10">
        <v>0</v>
      </c>
      <c r="G127" s="10">
        <v>0</v>
      </c>
      <c r="H127" s="10">
        <v>0</v>
      </c>
      <c r="I127" s="10">
        <v>0</v>
      </c>
      <c r="J127" s="10">
        <v>0</v>
      </c>
    </row>
    <row r="128" spans="2:10" ht="15" customHeight="1">
      <c r="B128" s="7" t="s">
        <v>84</v>
      </c>
      <c r="C128" s="8">
        <v>0</v>
      </c>
      <c r="D128" s="8">
        <v>0</v>
      </c>
      <c r="E128" s="8">
        <v>0</v>
      </c>
      <c r="F128" s="8">
        <v>0</v>
      </c>
      <c r="G128" s="8">
        <v>0</v>
      </c>
      <c r="H128" s="8">
        <v>0</v>
      </c>
      <c r="I128" s="8">
        <v>0</v>
      </c>
      <c r="J128" s="8">
        <v>0</v>
      </c>
    </row>
    <row r="129" spans="2:10" ht="15" customHeight="1">
      <c r="B129" s="16" t="s">
        <v>80</v>
      </c>
      <c r="C129" s="20">
        <v>0</v>
      </c>
      <c r="D129" s="20">
        <v>0</v>
      </c>
      <c r="E129" s="20">
        <v>0</v>
      </c>
      <c r="F129" s="20">
        <v>0</v>
      </c>
      <c r="G129" s="20">
        <v>0</v>
      </c>
      <c r="H129" s="20">
        <v>0</v>
      </c>
      <c r="I129" s="20">
        <v>0</v>
      </c>
      <c r="J129" s="20">
        <v>0</v>
      </c>
    </row>
    <row r="130" spans="2:10" ht="15" customHeight="1">
      <c r="B130" s="14" t="s">
        <v>83</v>
      </c>
      <c r="C130" s="21">
        <v>0</v>
      </c>
      <c r="D130" s="21">
        <v>0</v>
      </c>
      <c r="E130" s="21">
        <v>0</v>
      </c>
      <c r="F130" s="21">
        <v>0</v>
      </c>
      <c r="G130" s="21">
        <v>0</v>
      </c>
      <c r="H130" s="21">
        <v>0</v>
      </c>
      <c r="I130" s="21">
        <v>0</v>
      </c>
      <c r="J130" s="21">
        <v>0</v>
      </c>
    </row>
    <row r="131" spans="2:10" ht="15" customHeight="1">
      <c r="B131" s="14" t="s">
        <v>84</v>
      </c>
      <c r="C131" s="21">
        <v>0</v>
      </c>
      <c r="D131" s="21">
        <v>0</v>
      </c>
      <c r="E131" s="21">
        <v>0</v>
      </c>
      <c r="F131" s="21">
        <v>0</v>
      </c>
      <c r="G131" s="21">
        <v>0</v>
      </c>
      <c r="H131" s="21">
        <v>0</v>
      </c>
      <c r="I131" s="21">
        <v>0</v>
      </c>
      <c r="J131" s="21">
        <v>0</v>
      </c>
    </row>
    <row r="132" spans="2:10" ht="15" customHeight="1">
      <c r="B132" s="5" t="s">
        <v>33</v>
      </c>
      <c r="C132" s="6">
        <v>0</v>
      </c>
      <c r="D132" s="6">
        <v>0</v>
      </c>
      <c r="E132" s="6">
        <v>0</v>
      </c>
      <c r="F132" s="6">
        <v>0</v>
      </c>
      <c r="G132" s="6">
        <v>0</v>
      </c>
      <c r="H132" s="6">
        <v>0</v>
      </c>
      <c r="I132" s="6">
        <v>0</v>
      </c>
      <c r="J132" s="6">
        <v>0</v>
      </c>
    </row>
    <row r="133" spans="2:10" ht="15" customHeight="1">
      <c r="B133" s="16" t="s">
        <v>75</v>
      </c>
      <c r="C133" s="20">
        <v>0</v>
      </c>
      <c r="D133" s="20">
        <v>0</v>
      </c>
      <c r="E133" s="20">
        <v>0</v>
      </c>
      <c r="F133" s="20">
        <v>0</v>
      </c>
      <c r="G133" s="20">
        <v>0</v>
      </c>
      <c r="H133" s="20">
        <v>0</v>
      </c>
      <c r="I133" s="20">
        <v>0</v>
      </c>
      <c r="J133" s="20">
        <v>0</v>
      </c>
    </row>
    <row r="134" spans="2:10" ht="15" customHeight="1">
      <c r="B134" s="7" t="s">
        <v>83</v>
      </c>
      <c r="C134" s="8">
        <v>0</v>
      </c>
      <c r="D134" s="8">
        <v>0</v>
      </c>
      <c r="E134" s="8">
        <v>0</v>
      </c>
      <c r="F134" s="8">
        <v>0</v>
      </c>
      <c r="G134" s="8">
        <v>0</v>
      </c>
      <c r="H134" s="8">
        <v>0</v>
      </c>
      <c r="I134" s="8">
        <v>0</v>
      </c>
      <c r="J134" s="8">
        <v>0</v>
      </c>
    </row>
    <row r="135" spans="2:10" ht="15" customHeight="1">
      <c r="B135" s="9" t="s">
        <v>77</v>
      </c>
      <c r="C135" s="10">
        <v>0</v>
      </c>
      <c r="D135" s="10">
        <v>0</v>
      </c>
      <c r="E135" s="10">
        <v>0</v>
      </c>
      <c r="F135" s="10">
        <v>0</v>
      </c>
      <c r="G135" s="10">
        <v>0</v>
      </c>
      <c r="H135" s="10">
        <v>0</v>
      </c>
      <c r="I135" s="10">
        <v>0</v>
      </c>
      <c r="J135" s="10">
        <v>0</v>
      </c>
    </row>
    <row r="136" spans="2:10" ht="15" customHeight="1">
      <c r="B136" s="9" t="s">
        <v>78</v>
      </c>
      <c r="C136" s="10">
        <v>0</v>
      </c>
      <c r="D136" s="10">
        <v>0</v>
      </c>
      <c r="E136" s="10">
        <v>0</v>
      </c>
      <c r="F136" s="10">
        <v>0</v>
      </c>
      <c r="G136" s="10">
        <v>0</v>
      </c>
      <c r="H136" s="10">
        <v>0</v>
      </c>
      <c r="I136" s="10">
        <v>0</v>
      </c>
      <c r="J136" s="10">
        <v>0</v>
      </c>
    </row>
    <row r="137" spans="2:10" ht="15" customHeight="1">
      <c r="B137" s="7" t="s">
        <v>84</v>
      </c>
      <c r="C137" s="8">
        <v>0</v>
      </c>
      <c r="D137" s="8">
        <v>0</v>
      </c>
      <c r="E137" s="8">
        <v>0</v>
      </c>
      <c r="F137" s="8">
        <v>0</v>
      </c>
      <c r="G137" s="8">
        <v>0</v>
      </c>
      <c r="H137" s="8">
        <v>0</v>
      </c>
      <c r="I137" s="8">
        <v>0</v>
      </c>
      <c r="J137" s="8">
        <v>0</v>
      </c>
    </row>
    <row r="138" spans="2:10" ht="15" customHeight="1">
      <c r="B138" s="16" t="s">
        <v>80</v>
      </c>
      <c r="C138" s="20">
        <v>0</v>
      </c>
      <c r="D138" s="20">
        <v>0</v>
      </c>
      <c r="E138" s="20">
        <v>0</v>
      </c>
      <c r="F138" s="20">
        <v>0</v>
      </c>
      <c r="G138" s="20">
        <v>0</v>
      </c>
      <c r="H138" s="20">
        <v>0</v>
      </c>
      <c r="I138" s="20">
        <v>0</v>
      </c>
      <c r="J138" s="20">
        <v>0</v>
      </c>
    </row>
    <row r="139" spans="2:10" ht="15" customHeight="1">
      <c r="B139" s="14" t="s">
        <v>83</v>
      </c>
      <c r="C139" s="21">
        <v>0</v>
      </c>
      <c r="D139" s="21">
        <v>0</v>
      </c>
      <c r="E139" s="21">
        <v>0</v>
      </c>
      <c r="F139" s="21">
        <v>0</v>
      </c>
      <c r="G139" s="21">
        <v>0</v>
      </c>
      <c r="H139" s="21">
        <v>0</v>
      </c>
      <c r="I139" s="21">
        <v>0</v>
      </c>
      <c r="J139" s="21">
        <v>0</v>
      </c>
    </row>
    <row r="140" spans="2:10" ht="15" customHeight="1">
      <c r="B140" s="14" t="s">
        <v>84</v>
      </c>
      <c r="C140" s="21">
        <v>0</v>
      </c>
      <c r="D140" s="21">
        <v>0</v>
      </c>
      <c r="E140" s="21">
        <v>0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</row>
    <row r="141" spans="2:10" ht="15" customHeight="1">
      <c r="B141" s="5" t="s">
        <v>34</v>
      </c>
      <c r="C141" s="6">
        <v>107964</v>
      </c>
      <c r="D141" s="6">
        <v>346936</v>
      </c>
      <c r="E141" s="6">
        <v>166784</v>
      </c>
      <c r="F141" s="6">
        <v>456039</v>
      </c>
      <c r="G141" s="6">
        <v>274748</v>
      </c>
      <c r="H141" s="6">
        <v>802975</v>
      </c>
      <c r="I141" s="6">
        <v>121016</v>
      </c>
      <c r="J141" s="6">
        <v>338306</v>
      </c>
    </row>
    <row r="142" spans="2:10" ht="15" customHeight="1">
      <c r="B142" s="16" t="s">
        <v>75</v>
      </c>
      <c r="C142" s="20">
        <v>107964</v>
      </c>
      <c r="D142" s="20">
        <v>346936</v>
      </c>
      <c r="E142" s="20">
        <v>166784</v>
      </c>
      <c r="F142" s="20">
        <v>456039</v>
      </c>
      <c r="G142" s="20">
        <v>274748</v>
      </c>
      <c r="H142" s="20">
        <v>802975</v>
      </c>
      <c r="I142" s="20">
        <v>121016</v>
      </c>
      <c r="J142" s="20">
        <v>338306</v>
      </c>
    </row>
    <row r="143" spans="2:10" ht="15" customHeight="1">
      <c r="B143" s="7" t="s">
        <v>83</v>
      </c>
      <c r="C143" s="8">
        <v>107964</v>
      </c>
      <c r="D143" s="8">
        <v>346936</v>
      </c>
      <c r="E143" s="8">
        <v>166784</v>
      </c>
      <c r="F143" s="8">
        <v>456039</v>
      </c>
      <c r="G143" s="8">
        <v>274748</v>
      </c>
      <c r="H143" s="8">
        <v>802975</v>
      </c>
      <c r="I143" s="8">
        <v>121016</v>
      </c>
      <c r="J143" s="8">
        <v>338306</v>
      </c>
    </row>
    <row r="144" spans="2:10" ht="15" customHeight="1">
      <c r="B144" s="9" t="s">
        <v>77</v>
      </c>
      <c r="C144" s="10">
        <v>107964</v>
      </c>
      <c r="D144" s="10">
        <v>346936</v>
      </c>
      <c r="E144" s="10">
        <v>166784</v>
      </c>
      <c r="F144" s="10">
        <v>456039</v>
      </c>
      <c r="G144" s="10">
        <v>274748</v>
      </c>
      <c r="H144" s="10">
        <v>802975</v>
      </c>
      <c r="I144" s="10">
        <v>121016</v>
      </c>
      <c r="J144" s="10">
        <v>338306</v>
      </c>
    </row>
    <row r="145" spans="2:10" ht="15" customHeight="1">
      <c r="B145" s="9" t="s">
        <v>78</v>
      </c>
      <c r="C145" s="10">
        <v>0</v>
      </c>
      <c r="D145" s="10">
        <v>0</v>
      </c>
      <c r="E145" s="10">
        <v>0</v>
      </c>
      <c r="F145" s="10">
        <v>0</v>
      </c>
      <c r="G145" s="10">
        <v>0</v>
      </c>
      <c r="H145" s="10">
        <v>0</v>
      </c>
      <c r="I145" s="10">
        <v>0</v>
      </c>
      <c r="J145" s="10">
        <v>0</v>
      </c>
    </row>
    <row r="146" spans="2:10" ht="15" customHeight="1">
      <c r="B146" s="7" t="s">
        <v>84</v>
      </c>
      <c r="C146" s="8">
        <v>0</v>
      </c>
      <c r="D146" s="8">
        <v>0</v>
      </c>
      <c r="E146" s="8">
        <v>0</v>
      </c>
      <c r="F146" s="8">
        <v>0</v>
      </c>
      <c r="G146" s="8">
        <v>0</v>
      </c>
      <c r="H146" s="8">
        <v>0</v>
      </c>
      <c r="I146" s="8">
        <v>0</v>
      </c>
      <c r="J146" s="8">
        <v>0</v>
      </c>
    </row>
    <row r="147" spans="2:10" ht="15" customHeight="1">
      <c r="B147" s="16" t="s">
        <v>80</v>
      </c>
      <c r="C147" s="20">
        <v>0</v>
      </c>
      <c r="D147" s="20">
        <v>0</v>
      </c>
      <c r="E147" s="20">
        <v>0</v>
      </c>
      <c r="F147" s="20">
        <v>0</v>
      </c>
      <c r="G147" s="20">
        <v>0</v>
      </c>
      <c r="H147" s="20">
        <v>0</v>
      </c>
      <c r="I147" s="20">
        <v>0</v>
      </c>
      <c r="J147" s="20">
        <v>0</v>
      </c>
    </row>
    <row r="148" spans="2:10" ht="15" customHeight="1">
      <c r="B148" s="14" t="s">
        <v>83</v>
      </c>
      <c r="C148" s="21">
        <v>0</v>
      </c>
      <c r="D148" s="21">
        <v>0</v>
      </c>
      <c r="E148" s="21">
        <v>0</v>
      </c>
      <c r="F148" s="21">
        <v>0</v>
      </c>
      <c r="G148" s="21">
        <v>0</v>
      </c>
      <c r="H148" s="21">
        <v>0</v>
      </c>
      <c r="I148" s="21">
        <v>0</v>
      </c>
      <c r="J148" s="21">
        <v>0</v>
      </c>
    </row>
    <row r="149" spans="2:10" ht="15" customHeight="1">
      <c r="B149" s="14" t="s">
        <v>84</v>
      </c>
      <c r="C149" s="21">
        <v>0</v>
      </c>
      <c r="D149" s="21">
        <v>0</v>
      </c>
      <c r="E149" s="21">
        <v>0</v>
      </c>
      <c r="F149" s="21">
        <v>0</v>
      </c>
      <c r="G149" s="21">
        <v>0</v>
      </c>
      <c r="H149" s="21">
        <v>0</v>
      </c>
      <c r="I149" s="21">
        <v>0</v>
      </c>
      <c r="J149" s="21">
        <v>0</v>
      </c>
    </row>
    <row r="150" spans="2:10" ht="15" customHeight="1">
      <c r="B150" s="5" t="s">
        <v>35</v>
      </c>
      <c r="C150" s="6">
        <v>0</v>
      </c>
      <c r="D150" s="6">
        <v>0</v>
      </c>
      <c r="E150" s="6">
        <v>0</v>
      </c>
      <c r="F150" s="6">
        <v>0</v>
      </c>
      <c r="G150" s="6">
        <v>0</v>
      </c>
      <c r="H150" s="6">
        <v>0</v>
      </c>
      <c r="I150" s="6">
        <v>0</v>
      </c>
      <c r="J150" s="6">
        <v>0</v>
      </c>
    </row>
    <row r="151" spans="2:10" ht="15" customHeight="1">
      <c r="B151" s="16" t="s">
        <v>75</v>
      </c>
      <c r="C151" s="20">
        <v>0</v>
      </c>
      <c r="D151" s="20">
        <v>0</v>
      </c>
      <c r="E151" s="20">
        <v>0</v>
      </c>
      <c r="F151" s="20">
        <v>0</v>
      </c>
      <c r="G151" s="20">
        <v>0</v>
      </c>
      <c r="H151" s="20">
        <v>0</v>
      </c>
      <c r="I151" s="20">
        <v>0</v>
      </c>
      <c r="J151" s="20">
        <v>0</v>
      </c>
    </row>
    <row r="152" spans="2:10" ht="15" customHeight="1">
      <c r="B152" s="7" t="s">
        <v>83</v>
      </c>
      <c r="C152" s="8">
        <v>0</v>
      </c>
      <c r="D152" s="8">
        <v>0</v>
      </c>
      <c r="E152" s="8">
        <v>0</v>
      </c>
      <c r="F152" s="8">
        <v>0</v>
      </c>
      <c r="G152" s="8">
        <v>0</v>
      </c>
      <c r="H152" s="8">
        <v>0</v>
      </c>
      <c r="I152" s="8">
        <v>0</v>
      </c>
      <c r="J152" s="8">
        <v>0</v>
      </c>
    </row>
    <row r="153" spans="2:10" ht="15" customHeight="1">
      <c r="B153" s="9" t="s">
        <v>77</v>
      </c>
      <c r="C153" s="10">
        <v>0</v>
      </c>
      <c r="D153" s="10">
        <v>0</v>
      </c>
      <c r="E153" s="10">
        <v>0</v>
      </c>
      <c r="F153" s="10">
        <v>0</v>
      </c>
      <c r="G153" s="10">
        <v>0</v>
      </c>
      <c r="H153" s="10">
        <v>0</v>
      </c>
      <c r="I153" s="10">
        <v>0</v>
      </c>
      <c r="J153" s="10">
        <v>0</v>
      </c>
    </row>
    <row r="154" spans="2:10" ht="15" customHeight="1">
      <c r="B154" s="9" t="s">
        <v>78</v>
      </c>
      <c r="C154" s="10">
        <v>0</v>
      </c>
      <c r="D154" s="10">
        <v>0</v>
      </c>
      <c r="E154" s="10">
        <v>0</v>
      </c>
      <c r="F154" s="10">
        <v>0</v>
      </c>
      <c r="G154" s="10">
        <v>0</v>
      </c>
      <c r="H154" s="10">
        <v>0</v>
      </c>
      <c r="I154" s="10">
        <v>0</v>
      </c>
      <c r="J154" s="10">
        <v>0</v>
      </c>
    </row>
    <row r="155" spans="2:10" ht="15" customHeight="1">
      <c r="B155" s="7" t="s">
        <v>84</v>
      </c>
      <c r="C155" s="8">
        <v>0</v>
      </c>
      <c r="D155" s="8">
        <v>0</v>
      </c>
      <c r="E155" s="8">
        <v>0</v>
      </c>
      <c r="F155" s="8">
        <v>0</v>
      </c>
      <c r="G155" s="8">
        <v>0</v>
      </c>
      <c r="H155" s="8">
        <v>0</v>
      </c>
      <c r="I155" s="8">
        <v>0</v>
      </c>
      <c r="J155" s="8">
        <v>0</v>
      </c>
    </row>
    <row r="156" spans="2:10" ht="15" customHeight="1">
      <c r="B156" s="16" t="s">
        <v>80</v>
      </c>
      <c r="C156" s="20">
        <v>0</v>
      </c>
      <c r="D156" s="20">
        <v>0</v>
      </c>
      <c r="E156" s="20">
        <v>0</v>
      </c>
      <c r="F156" s="20">
        <v>0</v>
      </c>
      <c r="G156" s="20">
        <v>0</v>
      </c>
      <c r="H156" s="20">
        <v>0</v>
      </c>
      <c r="I156" s="20">
        <v>0</v>
      </c>
      <c r="J156" s="20">
        <v>0</v>
      </c>
    </row>
    <row r="157" spans="2:10" ht="15" customHeight="1">
      <c r="B157" s="14" t="s">
        <v>83</v>
      </c>
      <c r="C157" s="21">
        <v>0</v>
      </c>
      <c r="D157" s="21">
        <v>0</v>
      </c>
      <c r="E157" s="21">
        <v>0</v>
      </c>
      <c r="F157" s="21">
        <v>0</v>
      </c>
      <c r="G157" s="21">
        <v>0</v>
      </c>
      <c r="H157" s="21">
        <v>0</v>
      </c>
      <c r="I157" s="21">
        <v>0</v>
      </c>
      <c r="J157" s="21">
        <v>0</v>
      </c>
    </row>
    <row r="158" spans="2:10" ht="15" customHeight="1">
      <c r="B158" s="14" t="s">
        <v>84</v>
      </c>
      <c r="C158" s="21">
        <v>0</v>
      </c>
      <c r="D158" s="21">
        <v>0</v>
      </c>
      <c r="E158" s="21">
        <v>0</v>
      </c>
      <c r="F158" s="21">
        <v>0</v>
      </c>
      <c r="G158" s="21">
        <v>0</v>
      </c>
      <c r="H158" s="21">
        <v>0</v>
      </c>
      <c r="I158" s="21">
        <v>0</v>
      </c>
      <c r="J158" s="21">
        <v>0</v>
      </c>
    </row>
    <row r="159" spans="2:10" ht="15" customHeight="1">
      <c r="B159" s="5" t="s">
        <v>36</v>
      </c>
      <c r="C159" s="6">
        <v>0</v>
      </c>
      <c r="D159" s="6">
        <v>0</v>
      </c>
      <c r="E159" s="6">
        <v>0</v>
      </c>
      <c r="F159" s="6">
        <v>0</v>
      </c>
      <c r="G159" s="6">
        <v>0</v>
      </c>
      <c r="H159" s="6">
        <v>0</v>
      </c>
      <c r="I159" s="6">
        <v>0</v>
      </c>
      <c r="J159" s="6">
        <v>0</v>
      </c>
    </row>
    <row r="160" spans="2:10" ht="15" customHeight="1">
      <c r="B160" s="16" t="s">
        <v>75</v>
      </c>
      <c r="C160" s="20">
        <v>0</v>
      </c>
      <c r="D160" s="20">
        <v>0</v>
      </c>
      <c r="E160" s="20">
        <v>0</v>
      </c>
      <c r="F160" s="20">
        <v>0</v>
      </c>
      <c r="G160" s="20">
        <v>0</v>
      </c>
      <c r="H160" s="20">
        <v>0</v>
      </c>
      <c r="I160" s="20">
        <v>0</v>
      </c>
      <c r="J160" s="20">
        <v>0</v>
      </c>
    </row>
    <row r="161" spans="2:10" ht="15" customHeight="1">
      <c r="B161" s="7" t="s">
        <v>83</v>
      </c>
      <c r="C161" s="8">
        <v>0</v>
      </c>
      <c r="D161" s="8">
        <v>0</v>
      </c>
      <c r="E161" s="8">
        <v>0</v>
      </c>
      <c r="F161" s="8">
        <v>0</v>
      </c>
      <c r="G161" s="8">
        <v>0</v>
      </c>
      <c r="H161" s="8">
        <v>0</v>
      </c>
      <c r="I161" s="8">
        <v>0</v>
      </c>
      <c r="J161" s="8">
        <v>0</v>
      </c>
    </row>
    <row r="162" spans="2:10" ht="15" customHeight="1">
      <c r="B162" s="9" t="s">
        <v>77</v>
      </c>
      <c r="C162" s="10">
        <v>0</v>
      </c>
      <c r="D162" s="10">
        <v>0</v>
      </c>
      <c r="E162" s="10">
        <v>0</v>
      </c>
      <c r="F162" s="10">
        <v>0</v>
      </c>
      <c r="G162" s="10">
        <v>0</v>
      </c>
      <c r="H162" s="10">
        <v>0</v>
      </c>
      <c r="I162" s="10">
        <v>0</v>
      </c>
      <c r="J162" s="10">
        <v>0</v>
      </c>
    </row>
    <row r="163" spans="2:10" ht="15" customHeight="1">
      <c r="B163" s="9" t="s">
        <v>78</v>
      </c>
      <c r="C163" s="10">
        <v>0</v>
      </c>
      <c r="D163" s="10">
        <v>0</v>
      </c>
      <c r="E163" s="10">
        <v>0</v>
      </c>
      <c r="F163" s="10">
        <v>0</v>
      </c>
      <c r="G163" s="10">
        <v>0</v>
      </c>
      <c r="H163" s="10">
        <v>0</v>
      </c>
      <c r="I163" s="10">
        <v>0</v>
      </c>
      <c r="J163" s="10">
        <v>0</v>
      </c>
    </row>
    <row r="164" spans="2:10" ht="15" customHeight="1">
      <c r="B164" s="7" t="s">
        <v>84</v>
      </c>
      <c r="C164" s="8">
        <v>0</v>
      </c>
      <c r="D164" s="8">
        <v>0</v>
      </c>
      <c r="E164" s="8">
        <v>0</v>
      </c>
      <c r="F164" s="8">
        <v>0</v>
      </c>
      <c r="G164" s="8">
        <v>0</v>
      </c>
      <c r="H164" s="8">
        <v>0</v>
      </c>
      <c r="I164" s="8">
        <v>0</v>
      </c>
      <c r="J164" s="8">
        <v>0</v>
      </c>
    </row>
    <row r="165" spans="2:10" ht="15" customHeight="1">
      <c r="B165" s="16" t="s">
        <v>80</v>
      </c>
      <c r="C165" s="20">
        <v>0</v>
      </c>
      <c r="D165" s="20">
        <v>0</v>
      </c>
      <c r="E165" s="20">
        <v>0</v>
      </c>
      <c r="F165" s="20">
        <v>0</v>
      </c>
      <c r="G165" s="20">
        <v>0</v>
      </c>
      <c r="H165" s="20">
        <v>0</v>
      </c>
      <c r="I165" s="20">
        <v>0</v>
      </c>
      <c r="J165" s="20">
        <v>0</v>
      </c>
    </row>
    <row r="166" spans="2:10" ht="15" customHeight="1">
      <c r="B166" s="14" t="s">
        <v>83</v>
      </c>
      <c r="C166" s="21">
        <v>0</v>
      </c>
      <c r="D166" s="21">
        <v>0</v>
      </c>
      <c r="E166" s="21">
        <v>0</v>
      </c>
      <c r="F166" s="21">
        <v>0</v>
      </c>
      <c r="G166" s="21">
        <v>0</v>
      </c>
      <c r="H166" s="21">
        <v>0</v>
      </c>
      <c r="I166" s="21">
        <v>0</v>
      </c>
      <c r="J166" s="21">
        <v>0</v>
      </c>
    </row>
    <row r="167" spans="2:10" ht="15" customHeight="1">
      <c r="B167" s="14" t="s">
        <v>84</v>
      </c>
      <c r="C167" s="21">
        <v>0</v>
      </c>
      <c r="D167" s="21">
        <v>0</v>
      </c>
      <c r="E167" s="21">
        <v>0</v>
      </c>
      <c r="F167" s="21">
        <v>0</v>
      </c>
      <c r="G167" s="21">
        <v>0</v>
      </c>
      <c r="H167" s="21">
        <v>0</v>
      </c>
      <c r="I167" s="21">
        <v>0</v>
      </c>
      <c r="J167" s="21">
        <v>0</v>
      </c>
    </row>
    <row r="168" spans="2:10" ht="15" customHeight="1">
      <c r="B168" s="5" t="s">
        <v>37</v>
      </c>
      <c r="C168" s="6">
        <v>0</v>
      </c>
      <c r="D168" s="6">
        <v>0</v>
      </c>
      <c r="E168" s="6">
        <v>0</v>
      </c>
      <c r="F168" s="6">
        <v>0</v>
      </c>
      <c r="G168" s="6">
        <v>0</v>
      </c>
      <c r="H168" s="6">
        <v>0</v>
      </c>
      <c r="I168" s="6">
        <v>0</v>
      </c>
      <c r="J168" s="6">
        <v>0</v>
      </c>
    </row>
    <row r="169" spans="2:10" ht="15" customHeight="1">
      <c r="B169" s="16" t="s">
        <v>75</v>
      </c>
      <c r="C169" s="20">
        <v>0</v>
      </c>
      <c r="D169" s="20">
        <v>0</v>
      </c>
      <c r="E169" s="20">
        <v>0</v>
      </c>
      <c r="F169" s="20">
        <v>0</v>
      </c>
      <c r="G169" s="20">
        <v>0</v>
      </c>
      <c r="H169" s="20">
        <v>0</v>
      </c>
      <c r="I169" s="20">
        <v>0</v>
      </c>
      <c r="J169" s="20">
        <v>0</v>
      </c>
    </row>
    <row r="170" spans="2:10" ht="15" customHeight="1">
      <c r="B170" s="7" t="s">
        <v>83</v>
      </c>
      <c r="C170" s="8">
        <v>0</v>
      </c>
      <c r="D170" s="8">
        <v>0</v>
      </c>
      <c r="E170" s="8">
        <v>0</v>
      </c>
      <c r="F170" s="8">
        <v>0</v>
      </c>
      <c r="G170" s="8">
        <v>0</v>
      </c>
      <c r="H170" s="8">
        <v>0</v>
      </c>
      <c r="I170" s="8">
        <v>0</v>
      </c>
      <c r="J170" s="8">
        <v>0</v>
      </c>
    </row>
    <row r="171" spans="2:10" ht="15" customHeight="1">
      <c r="B171" s="9" t="s">
        <v>77</v>
      </c>
      <c r="C171" s="10">
        <v>0</v>
      </c>
      <c r="D171" s="10">
        <v>0</v>
      </c>
      <c r="E171" s="10">
        <v>0</v>
      </c>
      <c r="F171" s="10">
        <v>0</v>
      </c>
      <c r="G171" s="10">
        <v>0</v>
      </c>
      <c r="H171" s="10">
        <v>0</v>
      </c>
      <c r="I171" s="10">
        <v>0</v>
      </c>
      <c r="J171" s="10">
        <v>0</v>
      </c>
    </row>
    <row r="172" spans="2:10" ht="15" customHeight="1">
      <c r="B172" s="9" t="s">
        <v>78</v>
      </c>
      <c r="C172" s="10">
        <v>0</v>
      </c>
      <c r="D172" s="10">
        <v>0</v>
      </c>
      <c r="E172" s="10">
        <v>0</v>
      </c>
      <c r="F172" s="10">
        <v>0</v>
      </c>
      <c r="G172" s="10">
        <v>0</v>
      </c>
      <c r="H172" s="10">
        <v>0</v>
      </c>
      <c r="I172" s="10">
        <v>0</v>
      </c>
      <c r="J172" s="10">
        <v>0</v>
      </c>
    </row>
    <row r="173" spans="2:10" ht="15" customHeight="1">
      <c r="B173" s="7" t="s">
        <v>84</v>
      </c>
      <c r="C173" s="8">
        <v>0</v>
      </c>
      <c r="D173" s="8">
        <v>0</v>
      </c>
      <c r="E173" s="8">
        <v>0</v>
      </c>
      <c r="F173" s="8">
        <v>0</v>
      </c>
      <c r="G173" s="8">
        <v>0</v>
      </c>
      <c r="H173" s="8">
        <v>0</v>
      </c>
      <c r="I173" s="8">
        <v>0</v>
      </c>
      <c r="J173" s="8">
        <v>0</v>
      </c>
    </row>
    <row r="174" spans="2:10" ht="15" customHeight="1">
      <c r="B174" s="16" t="s">
        <v>80</v>
      </c>
      <c r="C174" s="20">
        <v>0</v>
      </c>
      <c r="D174" s="20">
        <v>0</v>
      </c>
      <c r="E174" s="20">
        <v>0</v>
      </c>
      <c r="F174" s="20">
        <v>0</v>
      </c>
      <c r="G174" s="20">
        <v>0</v>
      </c>
      <c r="H174" s="20">
        <v>0</v>
      </c>
      <c r="I174" s="20">
        <v>0</v>
      </c>
      <c r="J174" s="20">
        <v>0</v>
      </c>
    </row>
    <row r="175" spans="2:10" ht="15" customHeight="1">
      <c r="B175" s="14" t="s">
        <v>83</v>
      </c>
      <c r="C175" s="21">
        <v>0</v>
      </c>
      <c r="D175" s="21">
        <v>0</v>
      </c>
      <c r="E175" s="21">
        <v>0</v>
      </c>
      <c r="F175" s="21">
        <v>0</v>
      </c>
      <c r="G175" s="21">
        <v>0</v>
      </c>
      <c r="H175" s="21">
        <v>0</v>
      </c>
      <c r="I175" s="21">
        <v>0</v>
      </c>
      <c r="J175" s="21">
        <v>0</v>
      </c>
    </row>
    <row r="176" spans="2:10" ht="15" customHeight="1">
      <c r="B176" s="14" t="s">
        <v>84</v>
      </c>
      <c r="C176" s="21">
        <v>0</v>
      </c>
      <c r="D176" s="21">
        <v>0</v>
      </c>
      <c r="E176" s="21">
        <v>0</v>
      </c>
      <c r="F176" s="21">
        <v>0</v>
      </c>
      <c r="G176" s="21">
        <v>0</v>
      </c>
      <c r="H176" s="21">
        <v>0</v>
      </c>
      <c r="I176" s="21">
        <v>0</v>
      </c>
      <c r="J176" s="21">
        <v>0</v>
      </c>
    </row>
    <row r="177" spans="2:10" ht="15" customHeight="1">
      <c r="B177" s="5" t="s">
        <v>38</v>
      </c>
      <c r="C177" s="6">
        <v>0</v>
      </c>
      <c r="D177" s="6">
        <v>0</v>
      </c>
      <c r="E177" s="6">
        <v>0</v>
      </c>
      <c r="F177" s="6">
        <v>0</v>
      </c>
      <c r="G177" s="6">
        <v>0</v>
      </c>
      <c r="H177" s="6">
        <v>0</v>
      </c>
      <c r="I177" s="6">
        <v>0</v>
      </c>
      <c r="J177" s="6">
        <v>0</v>
      </c>
    </row>
    <row r="178" spans="2:10" ht="15" customHeight="1">
      <c r="B178" s="16" t="s">
        <v>75</v>
      </c>
      <c r="C178" s="20">
        <v>0</v>
      </c>
      <c r="D178" s="20">
        <v>0</v>
      </c>
      <c r="E178" s="20">
        <v>0</v>
      </c>
      <c r="F178" s="20">
        <v>0</v>
      </c>
      <c r="G178" s="20">
        <v>0</v>
      </c>
      <c r="H178" s="20">
        <v>0</v>
      </c>
      <c r="I178" s="20">
        <v>0</v>
      </c>
      <c r="J178" s="20">
        <v>0</v>
      </c>
    </row>
    <row r="179" spans="2:10" ht="15" customHeight="1">
      <c r="B179" s="7" t="s">
        <v>83</v>
      </c>
      <c r="C179" s="8">
        <v>0</v>
      </c>
      <c r="D179" s="8">
        <v>0</v>
      </c>
      <c r="E179" s="8">
        <v>0</v>
      </c>
      <c r="F179" s="8">
        <v>0</v>
      </c>
      <c r="G179" s="8">
        <v>0</v>
      </c>
      <c r="H179" s="8">
        <v>0</v>
      </c>
      <c r="I179" s="8">
        <v>0</v>
      </c>
      <c r="J179" s="8">
        <v>0</v>
      </c>
    </row>
    <row r="180" spans="2:10" ht="15" customHeight="1">
      <c r="B180" s="9" t="s">
        <v>77</v>
      </c>
      <c r="C180" s="10">
        <v>0</v>
      </c>
      <c r="D180" s="10">
        <v>0</v>
      </c>
      <c r="E180" s="10">
        <v>0</v>
      </c>
      <c r="F180" s="10">
        <v>0</v>
      </c>
      <c r="G180" s="10">
        <v>0</v>
      </c>
      <c r="H180" s="10">
        <v>0</v>
      </c>
      <c r="I180" s="10">
        <v>0</v>
      </c>
      <c r="J180" s="10">
        <v>0</v>
      </c>
    </row>
    <row r="181" spans="2:10" ht="15" customHeight="1">
      <c r="B181" s="9" t="s">
        <v>78</v>
      </c>
      <c r="C181" s="10">
        <v>0</v>
      </c>
      <c r="D181" s="10">
        <v>0</v>
      </c>
      <c r="E181" s="10">
        <v>0</v>
      </c>
      <c r="F181" s="10">
        <v>0</v>
      </c>
      <c r="G181" s="10">
        <v>0</v>
      </c>
      <c r="H181" s="10">
        <v>0</v>
      </c>
      <c r="I181" s="10">
        <v>0</v>
      </c>
      <c r="J181" s="10">
        <v>0</v>
      </c>
    </row>
    <row r="182" spans="2:10" ht="15" customHeight="1">
      <c r="B182" s="7" t="s">
        <v>84</v>
      </c>
      <c r="C182" s="8">
        <v>0</v>
      </c>
      <c r="D182" s="8">
        <v>0</v>
      </c>
      <c r="E182" s="8">
        <v>0</v>
      </c>
      <c r="F182" s="8">
        <v>0</v>
      </c>
      <c r="G182" s="8">
        <v>0</v>
      </c>
      <c r="H182" s="8">
        <v>0</v>
      </c>
      <c r="I182" s="8">
        <v>0</v>
      </c>
      <c r="J182" s="8">
        <v>0</v>
      </c>
    </row>
    <row r="183" spans="2:10" ht="15" customHeight="1">
      <c r="B183" s="16" t="s">
        <v>80</v>
      </c>
      <c r="C183" s="20">
        <v>0</v>
      </c>
      <c r="D183" s="20">
        <v>0</v>
      </c>
      <c r="E183" s="20">
        <v>0</v>
      </c>
      <c r="F183" s="20">
        <v>0</v>
      </c>
      <c r="G183" s="20">
        <v>0</v>
      </c>
      <c r="H183" s="20">
        <v>0</v>
      </c>
      <c r="I183" s="20">
        <v>0</v>
      </c>
      <c r="J183" s="20">
        <v>0</v>
      </c>
    </row>
    <row r="184" spans="2:10" ht="15" customHeight="1">
      <c r="B184" s="14" t="s">
        <v>83</v>
      </c>
      <c r="C184" s="21">
        <v>0</v>
      </c>
      <c r="D184" s="21">
        <v>0</v>
      </c>
      <c r="E184" s="21">
        <v>0</v>
      </c>
      <c r="F184" s="21">
        <v>0</v>
      </c>
      <c r="G184" s="21">
        <v>0</v>
      </c>
      <c r="H184" s="21">
        <v>0</v>
      </c>
      <c r="I184" s="21">
        <v>0</v>
      </c>
      <c r="J184" s="21">
        <v>0</v>
      </c>
    </row>
    <row r="185" spans="2:10" ht="15" customHeight="1">
      <c r="B185" s="14" t="s">
        <v>84</v>
      </c>
      <c r="C185" s="21">
        <v>0</v>
      </c>
      <c r="D185" s="21">
        <v>0</v>
      </c>
      <c r="E185" s="21">
        <v>0</v>
      </c>
      <c r="F185" s="21">
        <v>0</v>
      </c>
      <c r="G185" s="21">
        <v>0</v>
      </c>
      <c r="H185" s="21">
        <v>0</v>
      </c>
      <c r="I185" s="21">
        <v>0</v>
      </c>
      <c r="J185" s="21">
        <v>0</v>
      </c>
    </row>
    <row r="186" spans="2:10" ht="15" customHeight="1">
      <c r="B186" s="5" t="s">
        <v>39</v>
      </c>
      <c r="C186" s="6">
        <v>0</v>
      </c>
      <c r="D186" s="6">
        <v>0</v>
      </c>
      <c r="E186" s="6">
        <v>0</v>
      </c>
      <c r="F186" s="6">
        <v>0</v>
      </c>
      <c r="G186" s="6">
        <v>0</v>
      </c>
      <c r="H186" s="6">
        <v>0</v>
      </c>
      <c r="I186" s="6">
        <v>0</v>
      </c>
      <c r="J186" s="6">
        <v>0</v>
      </c>
    </row>
    <row r="187" spans="2:10" ht="15" customHeight="1">
      <c r="B187" s="16" t="s">
        <v>75</v>
      </c>
      <c r="C187" s="20">
        <v>0</v>
      </c>
      <c r="D187" s="20">
        <v>0</v>
      </c>
      <c r="E187" s="20">
        <v>0</v>
      </c>
      <c r="F187" s="20">
        <v>0</v>
      </c>
      <c r="G187" s="20">
        <v>0</v>
      </c>
      <c r="H187" s="20">
        <v>0</v>
      </c>
      <c r="I187" s="20">
        <v>0</v>
      </c>
      <c r="J187" s="20">
        <v>0</v>
      </c>
    </row>
    <row r="188" spans="2:10" ht="15" customHeight="1">
      <c r="B188" s="7" t="s">
        <v>83</v>
      </c>
      <c r="C188" s="8">
        <v>0</v>
      </c>
      <c r="D188" s="8">
        <v>0</v>
      </c>
      <c r="E188" s="8">
        <v>0</v>
      </c>
      <c r="F188" s="8">
        <v>0</v>
      </c>
      <c r="G188" s="8">
        <v>0</v>
      </c>
      <c r="H188" s="8">
        <v>0</v>
      </c>
      <c r="I188" s="8">
        <v>0</v>
      </c>
      <c r="J188" s="8">
        <v>0</v>
      </c>
    </row>
    <row r="189" spans="2:10" ht="15" customHeight="1">
      <c r="B189" s="9" t="s">
        <v>77</v>
      </c>
      <c r="C189" s="10">
        <v>0</v>
      </c>
      <c r="D189" s="10">
        <v>0</v>
      </c>
      <c r="E189" s="10">
        <v>0</v>
      </c>
      <c r="F189" s="10">
        <v>0</v>
      </c>
      <c r="G189" s="10">
        <v>0</v>
      </c>
      <c r="H189" s="10">
        <v>0</v>
      </c>
      <c r="I189" s="10">
        <v>0</v>
      </c>
      <c r="J189" s="10">
        <v>0</v>
      </c>
    </row>
    <row r="190" spans="2:10" ht="15" customHeight="1">
      <c r="B190" s="9" t="s">
        <v>78</v>
      </c>
      <c r="C190" s="10">
        <v>0</v>
      </c>
      <c r="D190" s="10">
        <v>0</v>
      </c>
      <c r="E190" s="10">
        <v>0</v>
      </c>
      <c r="F190" s="10">
        <v>0</v>
      </c>
      <c r="G190" s="10">
        <v>0</v>
      </c>
      <c r="H190" s="10">
        <v>0</v>
      </c>
      <c r="I190" s="10">
        <v>0</v>
      </c>
      <c r="J190" s="10">
        <v>0</v>
      </c>
    </row>
    <row r="191" spans="2:10" ht="15" customHeight="1">
      <c r="B191" s="7" t="s">
        <v>84</v>
      </c>
      <c r="C191" s="8">
        <v>0</v>
      </c>
      <c r="D191" s="8">
        <v>0</v>
      </c>
      <c r="E191" s="8">
        <v>0</v>
      </c>
      <c r="F191" s="8">
        <v>0</v>
      </c>
      <c r="G191" s="8">
        <v>0</v>
      </c>
      <c r="H191" s="8">
        <v>0</v>
      </c>
      <c r="I191" s="8">
        <v>0</v>
      </c>
      <c r="J191" s="8">
        <v>0</v>
      </c>
    </row>
    <row r="192" spans="2:10" ht="15" customHeight="1">
      <c r="B192" s="16" t="s">
        <v>80</v>
      </c>
      <c r="C192" s="20">
        <v>0</v>
      </c>
      <c r="D192" s="20">
        <v>0</v>
      </c>
      <c r="E192" s="20">
        <v>0</v>
      </c>
      <c r="F192" s="20">
        <v>0</v>
      </c>
      <c r="G192" s="20">
        <v>0</v>
      </c>
      <c r="H192" s="20">
        <v>0</v>
      </c>
      <c r="I192" s="20">
        <v>0</v>
      </c>
      <c r="J192" s="20">
        <v>0</v>
      </c>
    </row>
    <row r="193" spans="2:10" ht="15" customHeight="1">
      <c r="B193" s="14" t="s">
        <v>83</v>
      </c>
      <c r="C193" s="21">
        <v>0</v>
      </c>
      <c r="D193" s="21">
        <v>0</v>
      </c>
      <c r="E193" s="21">
        <v>0</v>
      </c>
      <c r="F193" s="21">
        <v>0</v>
      </c>
      <c r="G193" s="21">
        <v>0</v>
      </c>
      <c r="H193" s="21">
        <v>0</v>
      </c>
      <c r="I193" s="21">
        <v>0</v>
      </c>
      <c r="J193" s="21">
        <v>0</v>
      </c>
    </row>
    <row r="194" spans="2:10" ht="15" customHeight="1">
      <c r="B194" s="14" t="s">
        <v>84</v>
      </c>
      <c r="C194" s="21">
        <v>0</v>
      </c>
      <c r="D194" s="21">
        <v>0</v>
      </c>
      <c r="E194" s="21">
        <v>0</v>
      </c>
      <c r="F194" s="21">
        <v>0</v>
      </c>
      <c r="G194" s="21">
        <v>0</v>
      </c>
      <c r="H194" s="21">
        <v>0</v>
      </c>
      <c r="I194" s="21">
        <v>0</v>
      </c>
      <c r="J194" s="21">
        <v>0</v>
      </c>
    </row>
    <row r="195" spans="2:10" ht="15" customHeight="1">
      <c r="B195" s="5" t="s">
        <v>40</v>
      </c>
      <c r="C195" s="6">
        <v>0</v>
      </c>
      <c r="D195" s="6">
        <v>0</v>
      </c>
      <c r="E195" s="6">
        <v>0</v>
      </c>
      <c r="F195" s="6">
        <v>0</v>
      </c>
      <c r="G195" s="6">
        <v>0</v>
      </c>
      <c r="H195" s="6">
        <v>0</v>
      </c>
      <c r="I195" s="6">
        <v>0</v>
      </c>
      <c r="J195" s="6">
        <v>0</v>
      </c>
    </row>
    <row r="196" spans="2:10" ht="15" customHeight="1">
      <c r="B196" s="16" t="s">
        <v>75</v>
      </c>
      <c r="C196" s="20">
        <v>0</v>
      </c>
      <c r="D196" s="20">
        <v>0</v>
      </c>
      <c r="E196" s="20">
        <v>0</v>
      </c>
      <c r="F196" s="20">
        <v>0</v>
      </c>
      <c r="G196" s="20">
        <v>0</v>
      </c>
      <c r="H196" s="20">
        <v>0</v>
      </c>
      <c r="I196" s="20">
        <v>0</v>
      </c>
      <c r="J196" s="20">
        <v>0</v>
      </c>
    </row>
    <row r="197" spans="2:10" ht="15" customHeight="1">
      <c r="B197" s="7" t="s">
        <v>83</v>
      </c>
      <c r="C197" s="8">
        <v>0</v>
      </c>
      <c r="D197" s="8">
        <v>0</v>
      </c>
      <c r="E197" s="8">
        <v>0</v>
      </c>
      <c r="F197" s="8">
        <v>0</v>
      </c>
      <c r="G197" s="8">
        <v>0</v>
      </c>
      <c r="H197" s="8">
        <v>0</v>
      </c>
      <c r="I197" s="8">
        <v>0</v>
      </c>
      <c r="J197" s="8">
        <v>0</v>
      </c>
    </row>
    <row r="198" spans="2:10" ht="15" customHeight="1">
      <c r="B198" s="9" t="s">
        <v>77</v>
      </c>
      <c r="C198" s="10">
        <v>0</v>
      </c>
      <c r="D198" s="10">
        <v>0</v>
      </c>
      <c r="E198" s="10">
        <v>0</v>
      </c>
      <c r="F198" s="10">
        <v>0</v>
      </c>
      <c r="G198" s="10">
        <v>0</v>
      </c>
      <c r="H198" s="10">
        <v>0</v>
      </c>
      <c r="I198" s="10">
        <v>0</v>
      </c>
      <c r="J198" s="10">
        <v>0</v>
      </c>
    </row>
    <row r="199" spans="2:10" ht="15" customHeight="1">
      <c r="B199" s="9" t="s">
        <v>78</v>
      </c>
      <c r="C199" s="10">
        <v>0</v>
      </c>
      <c r="D199" s="10">
        <v>0</v>
      </c>
      <c r="E199" s="10">
        <v>0</v>
      </c>
      <c r="F199" s="10">
        <v>0</v>
      </c>
      <c r="G199" s="10">
        <v>0</v>
      </c>
      <c r="H199" s="10">
        <v>0</v>
      </c>
      <c r="I199" s="10">
        <v>0</v>
      </c>
      <c r="J199" s="10">
        <v>0</v>
      </c>
    </row>
    <row r="200" spans="2:10" ht="15" customHeight="1">
      <c r="B200" s="7" t="s">
        <v>84</v>
      </c>
      <c r="C200" s="8">
        <v>0</v>
      </c>
      <c r="D200" s="8">
        <v>0</v>
      </c>
      <c r="E200" s="8">
        <v>0</v>
      </c>
      <c r="F200" s="8">
        <v>0</v>
      </c>
      <c r="G200" s="8">
        <v>0</v>
      </c>
      <c r="H200" s="8">
        <v>0</v>
      </c>
      <c r="I200" s="8">
        <v>0</v>
      </c>
      <c r="J200" s="8">
        <v>0</v>
      </c>
    </row>
    <row r="201" spans="2:10" ht="15" customHeight="1">
      <c r="B201" s="16" t="s">
        <v>80</v>
      </c>
      <c r="C201" s="20">
        <v>0</v>
      </c>
      <c r="D201" s="20">
        <v>0</v>
      </c>
      <c r="E201" s="20">
        <v>0</v>
      </c>
      <c r="F201" s="20">
        <v>0</v>
      </c>
      <c r="G201" s="20">
        <v>0</v>
      </c>
      <c r="H201" s="20">
        <v>0</v>
      </c>
      <c r="I201" s="20">
        <v>0</v>
      </c>
      <c r="J201" s="20">
        <v>0</v>
      </c>
    </row>
    <row r="202" spans="2:10" ht="15" customHeight="1">
      <c r="B202" s="14" t="s">
        <v>83</v>
      </c>
      <c r="C202" s="21">
        <v>0</v>
      </c>
      <c r="D202" s="21">
        <v>0</v>
      </c>
      <c r="E202" s="21">
        <v>0</v>
      </c>
      <c r="F202" s="21">
        <v>0</v>
      </c>
      <c r="G202" s="21">
        <v>0</v>
      </c>
      <c r="H202" s="21">
        <v>0</v>
      </c>
      <c r="I202" s="21">
        <v>0</v>
      </c>
      <c r="J202" s="21">
        <v>0</v>
      </c>
    </row>
    <row r="203" spans="2:10" ht="15" customHeight="1">
      <c r="B203" s="14" t="s">
        <v>84</v>
      </c>
      <c r="C203" s="21">
        <v>0</v>
      </c>
      <c r="D203" s="21">
        <v>0</v>
      </c>
      <c r="E203" s="21">
        <v>0</v>
      </c>
      <c r="F203" s="21">
        <v>0</v>
      </c>
      <c r="G203" s="21">
        <v>0</v>
      </c>
      <c r="H203" s="21">
        <v>0</v>
      </c>
      <c r="I203" s="21">
        <v>0</v>
      </c>
      <c r="J203" s="21">
        <v>0</v>
      </c>
    </row>
    <row r="204" spans="2:10" ht="15" customHeight="1">
      <c r="B204" s="5" t="s">
        <v>41</v>
      </c>
      <c r="C204" s="6">
        <v>0</v>
      </c>
      <c r="D204" s="6">
        <v>0</v>
      </c>
      <c r="E204" s="6">
        <v>0</v>
      </c>
      <c r="F204" s="6">
        <v>0</v>
      </c>
      <c r="G204" s="6">
        <v>0</v>
      </c>
      <c r="H204" s="6">
        <v>0</v>
      </c>
      <c r="I204" s="6">
        <v>0</v>
      </c>
      <c r="J204" s="6">
        <v>0</v>
      </c>
    </row>
    <row r="205" spans="2:10" ht="15" customHeight="1">
      <c r="B205" s="16" t="s">
        <v>75</v>
      </c>
      <c r="C205" s="20">
        <v>0</v>
      </c>
      <c r="D205" s="20">
        <v>0</v>
      </c>
      <c r="E205" s="20">
        <v>0</v>
      </c>
      <c r="F205" s="20">
        <v>0</v>
      </c>
      <c r="G205" s="20">
        <v>0</v>
      </c>
      <c r="H205" s="20">
        <v>0</v>
      </c>
      <c r="I205" s="20">
        <v>0</v>
      </c>
      <c r="J205" s="20">
        <v>0</v>
      </c>
    </row>
    <row r="206" spans="2:10" ht="15" customHeight="1">
      <c r="B206" s="7" t="s">
        <v>83</v>
      </c>
      <c r="C206" s="8">
        <v>0</v>
      </c>
      <c r="D206" s="8">
        <v>0</v>
      </c>
      <c r="E206" s="8">
        <v>0</v>
      </c>
      <c r="F206" s="8">
        <v>0</v>
      </c>
      <c r="G206" s="8">
        <v>0</v>
      </c>
      <c r="H206" s="8">
        <v>0</v>
      </c>
      <c r="I206" s="8">
        <v>0</v>
      </c>
      <c r="J206" s="8">
        <v>0</v>
      </c>
    </row>
    <row r="207" spans="2:10" ht="15" customHeight="1">
      <c r="B207" s="9" t="s">
        <v>77</v>
      </c>
      <c r="C207" s="10">
        <v>0</v>
      </c>
      <c r="D207" s="10">
        <v>0</v>
      </c>
      <c r="E207" s="10">
        <v>0</v>
      </c>
      <c r="F207" s="10">
        <v>0</v>
      </c>
      <c r="G207" s="10">
        <v>0</v>
      </c>
      <c r="H207" s="10">
        <v>0</v>
      </c>
      <c r="I207" s="10">
        <v>0</v>
      </c>
      <c r="J207" s="10">
        <v>0</v>
      </c>
    </row>
    <row r="208" spans="2:10" ht="15" customHeight="1">
      <c r="B208" s="9" t="s">
        <v>78</v>
      </c>
      <c r="C208" s="10">
        <v>0</v>
      </c>
      <c r="D208" s="10">
        <v>0</v>
      </c>
      <c r="E208" s="10">
        <v>0</v>
      </c>
      <c r="F208" s="10">
        <v>0</v>
      </c>
      <c r="G208" s="10">
        <v>0</v>
      </c>
      <c r="H208" s="10">
        <v>0</v>
      </c>
      <c r="I208" s="10">
        <v>0</v>
      </c>
      <c r="J208" s="10">
        <v>0</v>
      </c>
    </row>
    <row r="209" spans="2:10" ht="15" customHeight="1">
      <c r="B209" s="7" t="s">
        <v>84</v>
      </c>
      <c r="C209" s="8">
        <v>0</v>
      </c>
      <c r="D209" s="8">
        <v>0</v>
      </c>
      <c r="E209" s="8">
        <v>0</v>
      </c>
      <c r="F209" s="8">
        <v>0</v>
      </c>
      <c r="G209" s="8">
        <v>0</v>
      </c>
      <c r="H209" s="8">
        <v>0</v>
      </c>
      <c r="I209" s="8">
        <v>0</v>
      </c>
      <c r="J209" s="8">
        <v>0</v>
      </c>
    </row>
    <row r="210" spans="2:10" ht="15" customHeight="1">
      <c r="B210" s="16" t="s">
        <v>80</v>
      </c>
      <c r="C210" s="20">
        <v>0</v>
      </c>
      <c r="D210" s="20">
        <v>0</v>
      </c>
      <c r="E210" s="20">
        <v>0</v>
      </c>
      <c r="F210" s="20">
        <v>0</v>
      </c>
      <c r="G210" s="20">
        <v>0</v>
      </c>
      <c r="H210" s="20">
        <v>0</v>
      </c>
      <c r="I210" s="20">
        <v>0</v>
      </c>
      <c r="J210" s="20">
        <v>0</v>
      </c>
    </row>
    <row r="211" spans="2:10" ht="15" customHeight="1">
      <c r="B211" s="14" t="s">
        <v>83</v>
      </c>
      <c r="C211" s="21">
        <v>0</v>
      </c>
      <c r="D211" s="21">
        <v>0</v>
      </c>
      <c r="E211" s="21">
        <v>0</v>
      </c>
      <c r="F211" s="21">
        <v>0</v>
      </c>
      <c r="G211" s="21">
        <v>0</v>
      </c>
      <c r="H211" s="21">
        <v>0</v>
      </c>
      <c r="I211" s="21">
        <v>0</v>
      </c>
      <c r="J211" s="21">
        <v>0</v>
      </c>
    </row>
    <row r="212" spans="2:10" ht="15" customHeight="1">
      <c r="B212" s="14" t="s">
        <v>84</v>
      </c>
      <c r="C212" s="21">
        <v>0</v>
      </c>
      <c r="D212" s="21">
        <v>0</v>
      </c>
      <c r="E212" s="21">
        <v>0</v>
      </c>
      <c r="F212" s="21">
        <v>0</v>
      </c>
      <c r="G212" s="21">
        <v>0</v>
      </c>
      <c r="H212" s="21">
        <v>0</v>
      </c>
      <c r="I212" s="21">
        <v>0</v>
      </c>
      <c r="J212" s="21">
        <v>0</v>
      </c>
    </row>
    <row r="213" spans="2:10" ht="15" customHeight="1">
      <c r="B213" s="5" t="s">
        <v>42</v>
      </c>
      <c r="C213" s="6">
        <v>0</v>
      </c>
      <c r="D213" s="6">
        <v>0</v>
      </c>
      <c r="E213" s="6">
        <v>0</v>
      </c>
      <c r="F213" s="6">
        <v>0</v>
      </c>
      <c r="G213" s="6">
        <v>0</v>
      </c>
      <c r="H213" s="6">
        <v>0</v>
      </c>
      <c r="I213" s="6">
        <v>0</v>
      </c>
      <c r="J213" s="6">
        <v>0</v>
      </c>
    </row>
    <row r="214" spans="2:10" ht="15" customHeight="1">
      <c r="B214" s="16" t="s">
        <v>75</v>
      </c>
      <c r="C214" s="20">
        <v>0</v>
      </c>
      <c r="D214" s="20">
        <v>0</v>
      </c>
      <c r="E214" s="20">
        <v>0</v>
      </c>
      <c r="F214" s="20">
        <v>0</v>
      </c>
      <c r="G214" s="20">
        <v>0</v>
      </c>
      <c r="H214" s="20">
        <v>0</v>
      </c>
      <c r="I214" s="20">
        <v>0</v>
      </c>
      <c r="J214" s="20">
        <v>0</v>
      </c>
    </row>
    <row r="215" spans="2:10" ht="15" customHeight="1">
      <c r="B215" s="7" t="s">
        <v>83</v>
      </c>
      <c r="C215" s="8">
        <v>0</v>
      </c>
      <c r="D215" s="8">
        <v>0</v>
      </c>
      <c r="E215" s="8">
        <v>0</v>
      </c>
      <c r="F215" s="8">
        <v>0</v>
      </c>
      <c r="G215" s="8">
        <v>0</v>
      </c>
      <c r="H215" s="8">
        <v>0</v>
      </c>
      <c r="I215" s="8">
        <v>0</v>
      </c>
      <c r="J215" s="8">
        <v>0</v>
      </c>
    </row>
    <row r="216" spans="2:10" ht="15" customHeight="1">
      <c r="B216" s="9" t="s">
        <v>77</v>
      </c>
      <c r="C216" s="10">
        <v>0</v>
      </c>
      <c r="D216" s="10">
        <v>0</v>
      </c>
      <c r="E216" s="10">
        <v>0</v>
      </c>
      <c r="F216" s="10">
        <v>0</v>
      </c>
      <c r="G216" s="10">
        <v>0</v>
      </c>
      <c r="H216" s="10">
        <v>0</v>
      </c>
      <c r="I216" s="10">
        <v>0</v>
      </c>
      <c r="J216" s="10">
        <v>0</v>
      </c>
    </row>
    <row r="217" spans="2:10" ht="15" customHeight="1">
      <c r="B217" s="9" t="s">
        <v>78</v>
      </c>
      <c r="C217" s="10">
        <v>0</v>
      </c>
      <c r="D217" s="10">
        <v>0</v>
      </c>
      <c r="E217" s="10">
        <v>0</v>
      </c>
      <c r="F217" s="10">
        <v>0</v>
      </c>
      <c r="G217" s="10">
        <v>0</v>
      </c>
      <c r="H217" s="10">
        <v>0</v>
      </c>
      <c r="I217" s="10">
        <v>0</v>
      </c>
      <c r="J217" s="10">
        <v>0</v>
      </c>
    </row>
    <row r="218" spans="2:10" ht="15" customHeight="1">
      <c r="B218" s="7" t="s">
        <v>84</v>
      </c>
      <c r="C218" s="8">
        <v>0</v>
      </c>
      <c r="D218" s="8">
        <v>0</v>
      </c>
      <c r="E218" s="8">
        <v>0</v>
      </c>
      <c r="F218" s="8">
        <v>0</v>
      </c>
      <c r="G218" s="8">
        <v>0</v>
      </c>
      <c r="H218" s="8">
        <v>0</v>
      </c>
      <c r="I218" s="8">
        <v>0</v>
      </c>
      <c r="J218" s="8">
        <v>0</v>
      </c>
    </row>
    <row r="219" spans="2:10" ht="15" customHeight="1">
      <c r="B219" s="16" t="s">
        <v>80</v>
      </c>
      <c r="C219" s="20">
        <v>0</v>
      </c>
      <c r="D219" s="20">
        <v>0</v>
      </c>
      <c r="E219" s="20">
        <v>0</v>
      </c>
      <c r="F219" s="20">
        <v>0</v>
      </c>
      <c r="G219" s="20">
        <v>0</v>
      </c>
      <c r="H219" s="20">
        <v>0</v>
      </c>
      <c r="I219" s="20">
        <v>0</v>
      </c>
      <c r="J219" s="20">
        <v>0</v>
      </c>
    </row>
    <row r="220" spans="2:10" ht="15" customHeight="1">
      <c r="B220" s="14" t="s">
        <v>83</v>
      </c>
      <c r="C220" s="21">
        <v>0</v>
      </c>
      <c r="D220" s="21">
        <v>0</v>
      </c>
      <c r="E220" s="21">
        <v>0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</row>
    <row r="221" spans="2:10" ht="15" customHeight="1">
      <c r="B221" s="14" t="s">
        <v>84</v>
      </c>
      <c r="C221" s="21">
        <v>0</v>
      </c>
      <c r="D221" s="21">
        <v>0</v>
      </c>
      <c r="E221" s="21">
        <v>0</v>
      </c>
      <c r="F221" s="21">
        <v>0</v>
      </c>
      <c r="G221" s="21">
        <v>0</v>
      </c>
      <c r="H221" s="21">
        <v>0</v>
      </c>
      <c r="I221" s="21">
        <v>0</v>
      </c>
      <c r="J221" s="21">
        <v>0</v>
      </c>
    </row>
    <row r="222" spans="2:10" ht="15" customHeight="1">
      <c r="B222" s="5" t="s">
        <v>43</v>
      </c>
      <c r="C222" s="6">
        <v>0</v>
      </c>
      <c r="D222" s="6">
        <v>0</v>
      </c>
      <c r="E222" s="6">
        <v>0</v>
      </c>
      <c r="F222" s="6">
        <v>0</v>
      </c>
      <c r="G222" s="6">
        <v>0</v>
      </c>
      <c r="H222" s="6">
        <v>0</v>
      </c>
      <c r="I222" s="6">
        <v>0</v>
      </c>
      <c r="J222" s="6">
        <v>0</v>
      </c>
    </row>
    <row r="223" spans="2:10" ht="15" customHeight="1">
      <c r="B223" s="16" t="s">
        <v>75</v>
      </c>
      <c r="C223" s="20">
        <v>0</v>
      </c>
      <c r="D223" s="20">
        <v>0</v>
      </c>
      <c r="E223" s="20">
        <v>0</v>
      </c>
      <c r="F223" s="20">
        <v>0</v>
      </c>
      <c r="G223" s="20">
        <v>0</v>
      </c>
      <c r="H223" s="20">
        <v>0</v>
      </c>
      <c r="I223" s="20">
        <v>0</v>
      </c>
      <c r="J223" s="20">
        <v>0</v>
      </c>
    </row>
    <row r="224" spans="2:10" ht="15" customHeight="1">
      <c r="B224" s="7" t="s">
        <v>83</v>
      </c>
      <c r="C224" s="8">
        <v>0</v>
      </c>
      <c r="D224" s="8">
        <v>0</v>
      </c>
      <c r="E224" s="8">
        <v>0</v>
      </c>
      <c r="F224" s="8">
        <v>0</v>
      </c>
      <c r="G224" s="8">
        <v>0</v>
      </c>
      <c r="H224" s="8">
        <v>0</v>
      </c>
      <c r="I224" s="8">
        <v>0</v>
      </c>
      <c r="J224" s="8">
        <v>0</v>
      </c>
    </row>
    <row r="225" spans="2:10" ht="15" customHeight="1">
      <c r="B225" s="9" t="s">
        <v>77</v>
      </c>
      <c r="C225" s="10">
        <v>0</v>
      </c>
      <c r="D225" s="10">
        <v>0</v>
      </c>
      <c r="E225" s="10">
        <v>0</v>
      </c>
      <c r="F225" s="10">
        <v>0</v>
      </c>
      <c r="G225" s="10">
        <v>0</v>
      </c>
      <c r="H225" s="10">
        <v>0</v>
      </c>
      <c r="I225" s="10">
        <v>0</v>
      </c>
      <c r="J225" s="10">
        <v>0</v>
      </c>
    </row>
    <row r="226" spans="2:10" ht="15" customHeight="1">
      <c r="B226" s="9" t="s">
        <v>78</v>
      </c>
      <c r="C226" s="10">
        <v>0</v>
      </c>
      <c r="D226" s="10">
        <v>0</v>
      </c>
      <c r="E226" s="10">
        <v>0</v>
      </c>
      <c r="F226" s="10">
        <v>0</v>
      </c>
      <c r="G226" s="10">
        <v>0</v>
      </c>
      <c r="H226" s="10">
        <v>0</v>
      </c>
      <c r="I226" s="10">
        <v>0</v>
      </c>
      <c r="J226" s="10">
        <v>0</v>
      </c>
    </row>
    <row r="227" spans="2:10" ht="15" customHeight="1">
      <c r="B227" s="7" t="s">
        <v>84</v>
      </c>
      <c r="C227" s="8">
        <v>0</v>
      </c>
      <c r="D227" s="8">
        <v>0</v>
      </c>
      <c r="E227" s="8">
        <v>0</v>
      </c>
      <c r="F227" s="8">
        <v>0</v>
      </c>
      <c r="G227" s="8">
        <v>0</v>
      </c>
      <c r="H227" s="8">
        <v>0</v>
      </c>
      <c r="I227" s="8">
        <v>0</v>
      </c>
      <c r="J227" s="8">
        <v>0</v>
      </c>
    </row>
    <row r="228" spans="2:10" ht="15" customHeight="1">
      <c r="B228" s="16" t="s">
        <v>80</v>
      </c>
      <c r="C228" s="20">
        <v>0</v>
      </c>
      <c r="D228" s="20">
        <v>0</v>
      </c>
      <c r="E228" s="20">
        <v>0</v>
      </c>
      <c r="F228" s="20">
        <v>0</v>
      </c>
      <c r="G228" s="20">
        <v>0</v>
      </c>
      <c r="H228" s="20">
        <v>0</v>
      </c>
      <c r="I228" s="20">
        <v>0</v>
      </c>
      <c r="J228" s="20">
        <v>0</v>
      </c>
    </row>
    <row r="229" spans="2:10" ht="15" customHeight="1">
      <c r="B229" s="14" t="s">
        <v>83</v>
      </c>
      <c r="C229" s="21">
        <v>0</v>
      </c>
      <c r="D229" s="21">
        <v>0</v>
      </c>
      <c r="E229" s="21">
        <v>0</v>
      </c>
      <c r="F229" s="21">
        <v>0</v>
      </c>
      <c r="G229" s="21">
        <v>0</v>
      </c>
      <c r="H229" s="21">
        <v>0</v>
      </c>
      <c r="I229" s="21">
        <v>0</v>
      </c>
      <c r="J229" s="21">
        <v>0</v>
      </c>
    </row>
    <row r="230" spans="2:10" ht="15" customHeight="1">
      <c r="B230" s="14" t="s">
        <v>84</v>
      </c>
      <c r="C230" s="21">
        <v>0</v>
      </c>
      <c r="D230" s="21">
        <v>0</v>
      </c>
      <c r="E230" s="21">
        <v>0</v>
      </c>
      <c r="F230" s="21">
        <v>0</v>
      </c>
      <c r="G230" s="21">
        <v>0</v>
      </c>
      <c r="H230" s="21">
        <v>0</v>
      </c>
      <c r="I230" s="21">
        <v>0</v>
      </c>
      <c r="J230" s="21">
        <v>0</v>
      </c>
    </row>
    <row r="231" spans="2:10" ht="15" customHeight="1">
      <c r="B231" s="5" t="s">
        <v>44</v>
      </c>
      <c r="C231" s="6">
        <v>0</v>
      </c>
      <c r="D231" s="6">
        <v>0</v>
      </c>
      <c r="E231" s="6">
        <v>0</v>
      </c>
      <c r="F231" s="6">
        <v>0</v>
      </c>
      <c r="G231" s="6">
        <v>0</v>
      </c>
      <c r="H231" s="6">
        <v>0</v>
      </c>
      <c r="I231" s="6">
        <v>0</v>
      </c>
      <c r="J231" s="6">
        <v>0</v>
      </c>
    </row>
    <row r="232" spans="2:10" ht="15" customHeight="1">
      <c r="B232" s="16" t="s">
        <v>75</v>
      </c>
      <c r="C232" s="20">
        <v>0</v>
      </c>
      <c r="D232" s="20">
        <v>0</v>
      </c>
      <c r="E232" s="20">
        <v>0</v>
      </c>
      <c r="F232" s="20">
        <v>0</v>
      </c>
      <c r="G232" s="20">
        <v>0</v>
      </c>
      <c r="H232" s="20">
        <v>0</v>
      </c>
      <c r="I232" s="20">
        <v>0</v>
      </c>
      <c r="J232" s="20">
        <v>0</v>
      </c>
    </row>
    <row r="233" spans="2:10" ht="15" customHeight="1">
      <c r="B233" s="7" t="s">
        <v>83</v>
      </c>
      <c r="C233" s="8">
        <v>0</v>
      </c>
      <c r="D233" s="8">
        <v>0</v>
      </c>
      <c r="E233" s="8">
        <v>0</v>
      </c>
      <c r="F233" s="8">
        <v>0</v>
      </c>
      <c r="G233" s="8">
        <v>0</v>
      </c>
      <c r="H233" s="8">
        <v>0</v>
      </c>
      <c r="I233" s="8">
        <v>0</v>
      </c>
      <c r="J233" s="8">
        <v>0</v>
      </c>
    </row>
    <row r="234" spans="2:10" ht="15" customHeight="1">
      <c r="B234" s="9" t="s">
        <v>77</v>
      </c>
      <c r="C234" s="10">
        <v>0</v>
      </c>
      <c r="D234" s="10">
        <v>0</v>
      </c>
      <c r="E234" s="10">
        <v>0</v>
      </c>
      <c r="F234" s="10">
        <v>0</v>
      </c>
      <c r="G234" s="10">
        <v>0</v>
      </c>
      <c r="H234" s="10">
        <v>0</v>
      </c>
      <c r="I234" s="10">
        <v>0</v>
      </c>
      <c r="J234" s="10">
        <v>0</v>
      </c>
    </row>
    <row r="235" spans="2:10" ht="15" customHeight="1">
      <c r="B235" s="9" t="s">
        <v>78</v>
      </c>
      <c r="C235" s="10">
        <v>0</v>
      </c>
      <c r="D235" s="10">
        <v>0</v>
      </c>
      <c r="E235" s="10">
        <v>0</v>
      </c>
      <c r="F235" s="10">
        <v>0</v>
      </c>
      <c r="G235" s="10">
        <v>0</v>
      </c>
      <c r="H235" s="10">
        <v>0</v>
      </c>
      <c r="I235" s="10">
        <v>0</v>
      </c>
      <c r="J235" s="10">
        <v>0</v>
      </c>
    </row>
    <row r="236" spans="2:10" ht="15" customHeight="1">
      <c r="B236" s="7" t="s">
        <v>84</v>
      </c>
      <c r="C236" s="8">
        <v>0</v>
      </c>
      <c r="D236" s="8">
        <v>0</v>
      </c>
      <c r="E236" s="8">
        <v>0</v>
      </c>
      <c r="F236" s="8">
        <v>0</v>
      </c>
      <c r="G236" s="8">
        <v>0</v>
      </c>
      <c r="H236" s="8">
        <v>0</v>
      </c>
      <c r="I236" s="8">
        <v>0</v>
      </c>
      <c r="J236" s="8">
        <v>0</v>
      </c>
    </row>
    <row r="237" spans="2:10" ht="15" customHeight="1">
      <c r="B237" s="16" t="s">
        <v>80</v>
      </c>
      <c r="C237" s="20">
        <v>0</v>
      </c>
      <c r="D237" s="20">
        <v>0</v>
      </c>
      <c r="E237" s="20">
        <v>0</v>
      </c>
      <c r="F237" s="20">
        <v>0</v>
      </c>
      <c r="G237" s="20">
        <v>0</v>
      </c>
      <c r="H237" s="20">
        <v>0</v>
      </c>
      <c r="I237" s="20">
        <v>0</v>
      </c>
      <c r="J237" s="20">
        <v>0</v>
      </c>
    </row>
    <row r="238" spans="2:10" ht="15" customHeight="1">
      <c r="B238" s="14" t="s">
        <v>83</v>
      </c>
      <c r="C238" s="21">
        <v>0</v>
      </c>
      <c r="D238" s="21">
        <v>0</v>
      </c>
      <c r="E238" s="21">
        <v>0</v>
      </c>
      <c r="F238" s="21">
        <v>0</v>
      </c>
      <c r="G238" s="21">
        <v>0</v>
      </c>
      <c r="H238" s="21">
        <v>0</v>
      </c>
      <c r="I238" s="21">
        <v>0</v>
      </c>
      <c r="J238" s="21">
        <v>0</v>
      </c>
    </row>
    <row r="239" spans="2:10" ht="15" customHeight="1">
      <c r="B239" s="14" t="s">
        <v>84</v>
      </c>
      <c r="C239" s="21">
        <v>0</v>
      </c>
      <c r="D239" s="21">
        <v>0</v>
      </c>
      <c r="E239" s="21">
        <v>0</v>
      </c>
      <c r="F239" s="21">
        <v>0</v>
      </c>
      <c r="G239" s="21">
        <v>0</v>
      </c>
      <c r="H239" s="21">
        <v>0</v>
      </c>
      <c r="I239" s="21">
        <v>0</v>
      </c>
      <c r="J239" s="21">
        <v>0</v>
      </c>
    </row>
    <row r="240" spans="2:10" ht="15" customHeight="1">
      <c r="B240" s="5" t="s">
        <v>45</v>
      </c>
      <c r="C240" s="6">
        <v>0</v>
      </c>
      <c r="D240" s="6">
        <v>0</v>
      </c>
      <c r="E240" s="6">
        <v>0</v>
      </c>
      <c r="F240" s="6">
        <v>0</v>
      </c>
      <c r="G240" s="6">
        <v>0</v>
      </c>
      <c r="H240" s="6">
        <v>0</v>
      </c>
      <c r="I240" s="6">
        <v>0</v>
      </c>
      <c r="J240" s="6">
        <v>0</v>
      </c>
    </row>
    <row r="241" spans="2:10" ht="15" customHeight="1">
      <c r="B241" s="16" t="s">
        <v>75</v>
      </c>
      <c r="C241" s="20">
        <v>0</v>
      </c>
      <c r="D241" s="20">
        <v>0</v>
      </c>
      <c r="E241" s="20">
        <v>0</v>
      </c>
      <c r="F241" s="20">
        <v>0</v>
      </c>
      <c r="G241" s="20">
        <v>0</v>
      </c>
      <c r="H241" s="20">
        <v>0</v>
      </c>
      <c r="I241" s="20">
        <v>0</v>
      </c>
      <c r="J241" s="20">
        <v>0</v>
      </c>
    </row>
    <row r="242" spans="2:10" ht="15" customHeight="1">
      <c r="B242" s="7" t="s">
        <v>83</v>
      </c>
      <c r="C242" s="8">
        <v>0</v>
      </c>
      <c r="D242" s="8">
        <v>0</v>
      </c>
      <c r="E242" s="8">
        <v>0</v>
      </c>
      <c r="F242" s="8">
        <v>0</v>
      </c>
      <c r="G242" s="8">
        <v>0</v>
      </c>
      <c r="H242" s="8">
        <v>0</v>
      </c>
      <c r="I242" s="8">
        <v>0</v>
      </c>
      <c r="J242" s="8">
        <v>0</v>
      </c>
    </row>
    <row r="243" spans="2:10" ht="15" customHeight="1">
      <c r="B243" s="9" t="s">
        <v>77</v>
      </c>
      <c r="C243" s="10">
        <v>0</v>
      </c>
      <c r="D243" s="10">
        <v>0</v>
      </c>
      <c r="E243" s="10">
        <v>0</v>
      </c>
      <c r="F243" s="10">
        <v>0</v>
      </c>
      <c r="G243" s="10">
        <v>0</v>
      </c>
      <c r="H243" s="10">
        <v>0</v>
      </c>
      <c r="I243" s="10">
        <v>0</v>
      </c>
      <c r="J243" s="10">
        <v>0</v>
      </c>
    </row>
    <row r="244" spans="2:10" ht="15" customHeight="1">
      <c r="B244" s="9" t="s">
        <v>78</v>
      </c>
      <c r="C244" s="10">
        <v>0</v>
      </c>
      <c r="D244" s="10">
        <v>0</v>
      </c>
      <c r="E244" s="10">
        <v>0</v>
      </c>
      <c r="F244" s="10">
        <v>0</v>
      </c>
      <c r="G244" s="10">
        <v>0</v>
      </c>
      <c r="H244" s="10">
        <v>0</v>
      </c>
      <c r="I244" s="10">
        <v>0</v>
      </c>
      <c r="J244" s="10">
        <v>0</v>
      </c>
    </row>
    <row r="245" spans="2:10" ht="15" customHeight="1">
      <c r="B245" s="7" t="s">
        <v>84</v>
      </c>
      <c r="C245" s="8">
        <v>0</v>
      </c>
      <c r="D245" s="8">
        <v>0</v>
      </c>
      <c r="E245" s="8">
        <v>0</v>
      </c>
      <c r="F245" s="8">
        <v>0</v>
      </c>
      <c r="G245" s="8">
        <v>0</v>
      </c>
      <c r="H245" s="8">
        <v>0</v>
      </c>
      <c r="I245" s="8">
        <v>0</v>
      </c>
      <c r="J245" s="8">
        <v>0</v>
      </c>
    </row>
    <row r="246" spans="2:10" ht="15" customHeight="1">
      <c r="B246" s="16" t="s">
        <v>80</v>
      </c>
      <c r="C246" s="20">
        <v>0</v>
      </c>
      <c r="D246" s="20">
        <v>0</v>
      </c>
      <c r="E246" s="20">
        <v>0</v>
      </c>
      <c r="F246" s="20">
        <v>0</v>
      </c>
      <c r="G246" s="20">
        <v>0</v>
      </c>
      <c r="H246" s="20">
        <v>0</v>
      </c>
      <c r="I246" s="20">
        <v>0</v>
      </c>
      <c r="J246" s="20">
        <v>0</v>
      </c>
    </row>
    <row r="247" spans="2:10" ht="15" customHeight="1">
      <c r="B247" s="14" t="s">
        <v>83</v>
      </c>
      <c r="C247" s="21">
        <v>0</v>
      </c>
      <c r="D247" s="21">
        <v>0</v>
      </c>
      <c r="E247" s="21">
        <v>0</v>
      </c>
      <c r="F247" s="21">
        <v>0</v>
      </c>
      <c r="G247" s="21">
        <v>0</v>
      </c>
      <c r="H247" s="21">
        <v>0</v>
      </c>
      <c r="I247" s="21">
        <v>0</v>
      </c>
      <c r="J247" s="21">
        <v>0</v>
      </c>
    </row>
    <row r="248" spans="2:10" ht="15" customHeight="1">
      <c r="B248" s="14" t="s">
        <v>84</v>
      </c>
      <c r="C248" s="21">
        <v>0</v>
      </c>
      <c r="D248" s="21">
        <v>0</v>
      </c>
      <c r="E248" s="21">
        <v>0</v>
      </c>
      <c r="F248" s="21">
        <v>0</v>
      </c>
      <c r="G248" s="21">
        <v>0</v>
      </c>
      <c r="H248" s="21">
        <v>0</v>
      </c>
      <c r="I248" s="21">
        <v>0</v>
      </c>
      <c r="J248" s="21">
        <v>0</v>
      </c>
    </row>
    <row r="249" spans="2:10" ht="15" customHeight="1">
      <c r="B249" s="5" t="s">
        <v>46</v>
      </c>
      <c r="C249" s="6">
        <v>0</v>
      </c>
      <c r="D249" s="6">
        <v>0</v>
      </c>
      <c r="E249" s="6">
        <v>0</v>
      </c>
      <c r="F249" s="6">
        <v>0</v>
      </c>
      <c r="G249" s="6">
        <v>0</v>
      </c>
      <c r="H249" s="6">
        <v>0</v>
      </c>
      <c r="I249" s="6">
        <v>0</v>
      </c>
      <c r="J249" s="6">
        <v>0</v>
      </c>
    </row>
    <row r="250" spans="2:10" ht="15" customHeight="1">
      <c r="B250" s="16" t="s">
        <v>75</v>
      </c>
      <c r="C250" s="20">
        <v>0</v>
      </c>
      <c r="D250" s="20">
        <v>0</v>
      </c>
      <c r="E250" s="20">
        <v>0</v>
      </c>
      <c r="F250" s="20">
        <v>0</v>
      </c>
      <c r="G250" s="20">
        <v>0</v>
      </c>
      <c r="H250" s="20">
        <v>0</v>
      </c>
      <c r="I250" s="20">
        <v>0</v>
      </c>
      <c r="J250" s="20">
        <v>0</v>
      </c>
    </row>
    <row r="251" spans="2:10" ht="15" customHeight="1">
      <c r="B251" s="7" t="s">
        <v>83</v>
      </c>
      <c r="C251" s="8">
        <v>0</v>
      </c>
      <c r="D251" s="8">
        <v>0</v>
      </c>
      <c r="E251" s="8">
        <v>0</v>
      </c>
      <c r="F251" s="8">
        <v>0</v>
      </c>
      <c r="G251" s="8">
        <v>0</v>
      </c>
      <c r="H251" s="8">
        <v>0</v>
      </c>
      <c r="I251" s="8">
        <v>0</v>
      </c>
      <c r="J251" s="8">
        <v>0</v>
      </c>
    </row>
    <row r="252" spans="2:10" ht="15" customHeight="1">
      <c r="B252" s="9" t="s">
        <v>77</v>
      </c>
      <c r="C252" s="10">
        <v>0</v>
      </c>
      <c r="D252" s="10">
        <v>0</v>
      </c>
      <c r="E252" s="10">
        <v>0</v>
      </c>
      <c r="F252" s="10">
        <v>0</v>
      </c>
      <c r="G252" s="10">
        <v>0</v>
      </c>
      <c r="H252" s="10">
        <v>0</v>
      </c>
      <c r="I252" s="10">
        <v>0</v>
      </c>
      <c r="J252" s="10">
        <v>0</v>
      </c>
    </row>
    <row r="253" spans="2:10" ht="15" customHeight="1">
      <c r="B253" s="9" t="s">
        <v>78</v>
      </c>
      <c r="C253" s="10">
        <v>0</v>
      </c>
      <c r="D253" s="10">
        <v>0</v>
      </c>
      <c r="E253" s="10">
        <v>0</v>
      </c>
      <c r="F253" s="10">
        <v>0</v>
      </c>
      <c r="G253" s="10">
        <v>0</v>
      </c>
      <c r="H253" s="10">
        <v>0</v>
      </c>
      <c r="I253" s="10">
        <v>0</v>
      </c>
      <c r="J253" s="10">
        <v>0</v>
      </c>
    </row>
    <row r="254" spans="2:10" ht="15" customHeight="1">
      <c r="B254" s="7" t="s">
        <v>84</v>
      </c>
      <c r="C254" s="8">
        <v>0</v>
      </c>
      <c r="D254" s="8">
        <v>0</v>
      </c>
      <c r="E254" s="8">
        <v>0</v>
      </c>
      <c r="F254" s="8">
        <v>0</v>
      </c>
      <c r="G254" s="8">
        <v>0</v>
      </c>
      <c r="H254" s="8">
        <v>0</v>
      </c>
      <c r="I254" s="8">
        <v>0</v>
      </c>
      <c r="J254" s="8">
        <v>0</v>
      </c>
    </row>
    <row r="255" spans="2:10" ht="15" customHeight="1">
      <c r="B255" s="16" t="s">
        <v>80</v>
      </c>
      <c r="C255" s="20">
        <v>0</v>
      </c>
      <c r="D255" s="20">
        <v>0</v>
      </c>
      <c r="E255" s="20">
        <v>0</v>
      </c>
      <c r="F255" s="20">
        <v>0</v>
      </c>
      <c r="G255" s="20">
        <v>0</v>
      </c>
      <c r="H255" s="20">
        <v>0</v>
      </c>
      <c r="I255" s="20">
        <v>0</v>
      </c>
      <c r="J255" s="20">
        <v>0</v>
      </c>
    </row>
    <row r="256" spans="2:10" ht="15" customHeight="1">
      <c r="B256" s="14" t="s">
        <v>83</v>
      </c>
      <c r="C256" s="21">
        <v>0</v>
      </c>
      <c r="D256" s="21">
        <v>0</v>
      </c>
      <c r="E256" s="21">
        <v>0</v>
      </c>
      <c r="F256" s="21">
        <v>0</v>
      </c>
      <c r="G256" s="21">
        <v>0</v>
      </c>
      <c r="H256" s="21">
        <v>0</v>
      </c>
      <c r="I256" s="21">
        <v>0</v>
      </c>
      <c r="J256" s="21">
        <v>0</v>
      </c>
    </row>
    <row r="257" spans="2:10" ht="15" customHeight="1">
      <c r="B257" s="14" t="s">
        <v>84</v>
      </c>
      <c r="C257" s="21">
        <v>0</v>
      </c>
      <c r="D257" s="21">
        <v>0</v>
      </c>
      <c r="E257" s="21">
        <v>0</v>
      </c>
      <c r="F257" s="21">
        <v>0</v>
      </c>
      <c r="G257" s="21">
        <v>0</v>
      </c>
      <c r="H257" s="21">
        <v>0</v>
      </c>
      <c r="I257" s="21">
        <v>0</v>
      </c>
      <c r="J257" s="21">
        <v>0</v>
      </c>
    </row>
    <row r="258" spans="2:10" ht="15" customHeight="1">
      <c r="B258" s="5" t="s">
        <v>47</v>
      </c>
      <c r="C258" s="6">
        <v>0</v>
      </c>
      <c r="D258" s="6">
        <v>0</v>
      </c>
      <c r="E258" s="6">
        <v>0</v>
      </c>
      <c r="F258" s="6">
        <v>0</v>
      </c>
      <c r="G258" s="6">
        <v>0</v>
      </c>
      <c r="H258" s="6">
        <v>0</v>
      </c>
      <c r="I258" s="6">
        <v>0</v>
      </c>
      <c r="J258" s="6">
        <v>0</v>
      </c>
    </row>
    <row r="259" spans="2:10" ht="15" customHeight="1">
      <c r="B259" s="16" t="s">
        <v>75</v>
      </c>
      <c r="C259" s="20">
        <v>0</v>
      </c>
      <c r="D259" s="20">
        <v>0</v>
      </c>
      <c r="E259" s="20">
        <v>0</v>
      </c>
      <c r="F259" s="20">
        <v>0</v>
      </c>
      <c r="G259" s="20">
        <v>0</v>
      </c>
      <c r="H259" s="20">
        <v>0</v>
      </c>
      <c r="I259" s="20">
        <v>0</v>
      </c>
      <c r="J259" s="20">
        <v>0</v>
      </c>
    </row>
    <row r="260" spans="2:10" ht="15" customHeight="1">
      <c r="B260" s="7" t="s">
        <v>83</v>
      </c>
      <c r="C260" s="8">
        <v>0</v>
      </c>
      <c r="D260" s="8">
        <v>0</v>
      </c>
      <c r="E260" s="8">
        <v>0</v>
      </c>
      <c r="F260" s="8">
        <v>0</v>
      </c>
      <c r="G260" s="8">
        <v>0</v>
      </c>
      <c r="H260" s="8">
        <v>0</v>
      </c>
      <c r="I260" s="8">
        <v>0</v>
      </c>
      <c r="J260" s="8">
        <v>0</v>
      </c>
    </row>
    <row r="261" spans="2:10" ht="15" customHeight="1">
      <c r="B261" s="9" t="s">
        <v>77</v>
      </c>
      <c r="C261" s="10">
        <v>0</v>
      </c>
      <c r="D261" s="10">
        <v>0</v>
      </c>
      <c r="E261" s="10">
        <v>0</v>
      </c>
      <c r="F261" s="10">
        <v>0</v>
      </c>
      <c r="G261" s="10">
        <v>0</v>
      </c>
      <c r="H261" s="10">
        <v>0</v>
      </c>
      <c r="I261" s="10">
        <v>0</v>
      </c>
      <c r="J261" s="10">
        <v>0</v>
      </c>
    </row>
    <row r="262" spans="2:10" ht="15" customHeight="1">
      <c r="B262" s="9" t="s">
        <v>78</v>
      </c>
      <c r="C262" s="10">
        <v>0</v>
      </c>
      <c r="D262" s="10">
        <v>0</v>
      </c>
      <c r="E262" s="10">
        <v>0</v>
      </c>
      <c r="F262" s="10">
        <v>0</v>
      </c>
      <c r="G262" s="10">
        <v>0</v>
      </c>
      <c r="H262" s="10">
        <v>0</v>
      </c>
      <c r="I262" s="10">
        <v>0</v>
      </c>
      <c r="J262" s="10">
        <v>0</v>
      </c>
    </row>
    <row r="263" spans="2:10" ht="15" customHeight="1">
      <c r="B263" s="7" t="s">
        <v>84</v>
      </c>
      <c r="C263" s="8">
        <v>0</v>
      </c>
      <c r="D263" s="8">
        <v>0</v>
      </c>
      <c r="E263" s="8">
        <v>0</v>
      </c>
      <c r="F263" s="8">
        <v>0</v>
      </c>
      <c r="G263" s="8">
        <v>0</v>
      </c>
      <c r="H263" s="8">
        <v>0</v>
      </c>
      <c r="I263" s="8">
        <v>0</v>
      </c>
      <c r="J263" s="8">
        <v>0</v>
      </c>
    </row>
    <row r="264" spans="2:10" ht="15" customHeight="1">
      <c r="B264" s="16" t="s">
        <v>80</v>
      </c>
      <c r="C264" s="20">
        <v>0</v>
      </c>
      <c r="D264" s="20">
        <v>0</v>
      </c>
      <c r="E264" s="20">
        <v>0</v>
      </c>
      <c r="F264" s="20">
        <v>0</v>
      </c>
      <c r="G264" s="20">
        <v>0</v>
      </c>
      <c r="H264" s="20">
        <v>0</v>
      </c>
      <c r="I264" s="20">
        <v>0</v>
      </c>
      <c r="J264" s="20">
        <v>0</v>
      </c>
    </row>
    <row r="265" spans="2:10" ht="15" customHeight="1">
      <c r="B265" s="14" t="s">
        <v>83</v>
      </c>
      <c r="C265" s="21">
        <v>0</v>
      </c>
      <c r="D265" s="21">
        <v>0</v>
      </c>
      <c r="E265" s="21">
        <v>0</v>
      </c>
      <c r="F265" s="21">
        <v>0</v>
      </c>
      <c r="G265" s="21">
        <v>0</v>
      </c>
      <c r="H265" s="21">
        <v>0</v>
      </c>
      <c r="I265" s="21">
        <v>0</v>
      </c>
      <c r="J265" s="21">
        <v>0</v>
      </c>
    </row>
    <row r="266" spans="2:10" ht="15" customHeight="1">
      <c r="B266" s="14" t="s">
        <v>84</v>
      </c>
      <c r="C266" s="21">
        <v>0</v>
      </c>
      <c r="D266" s="21">
        <v>0</v>
      </c>
      <c r="E266" s="21">
        <v>0</v>
      </c>
      <c r="F266" s="21">
        <v>0</v>
      </c>
      <c r="G266" s="21">
        <v>0</v>
      </c>
      <c r="H266" s="21">
        <v>0</v>
      </c>
      <c r="I266" s="21">
        <v>0</v>
      </c>
      <c r="J266" s="21">
        <v>0</v>
      </c>
    </row>
    <row r="267" spans="2:10" ht="15" customHeight="1">
      <c r="B267" s="5" t="s">
        <v>48</v>
      </c>
      <c r="C267" s="6">
        <v>0</v>
      </c>
      <c r="D267" s="6">
        <v>0</v>
      </c>
      <c r="E267" s="6">
        <v>0</v>
      </c>
      <c r="F267" s="6">
        <v>0</v>
      </c>
      <c r="G267" s="6">
        <v>0</v>
      </c>
      <c r="H267" s="6">
        <v>0</v>
      </c>
      <c r="I267" s="6">
        <v>0</v>
      </c>
      <c r="J267" s="6">
        <v>0</v>
      </c>
    </row>
    <row r="268" spans="2:10" ht="15" customHeight="1">
      <c r="B268" s="16" t="s">
        <v>75</v>
      </c>
      <c r="C268" s="20">
        <v>0</v>
      </c>
      <c r="D268" s="20">
        <v>0</v>
      </c>
      <c r="E268" s="20">
        <v>0</v>
      </c>
      <c r="F268" s="20">
        <v>0</v>
      </c>
      <c r="G268" s="20">
        <v>0</v>
      </c>
      <c r="H268" s="20">
        <v>0</v>
      </c>
      <c r="I268" s="20">
        <v>0</v>
      </c>
      <c r="J268" s="20">
        <v>0</v>
      </c>
    </row>
    <row r="269" spans="2:10" ht="15" customHeight="1">
      <c r="B269" s="7" t="s">
        <v>83</v>
      </c>
      <c r="C269" s="8">
        <v>0</v>
      </c>
      <c r="D269" s="8">
        <v>0</v>
      </c>
      <c r="E269" s="8">
        <v>0</v>
      </c>
      <c r="F269" s="8">
        <v>0</v>
      </c>
      <c r="G269" s="8">
        <v>0</v>
      </c>
      <c r="H269" s="8">
        <v>0</v>
      </c>
      <c r="I269" s="8">
        <v>0</v>
      </c>
      <c r="J269" s="8">
        <v>0</v>
      </c>
    </row>
    <row r="270" spans="2:10" ht="15" customHeight="1">
      <c r="B270" s="9" t="s">
        <v>77</v>
      </c>
      <c r="C270" s="10">
        <v>0</v>
      </c>
      <c r="D270" s="10">
        <v>0</v>
      </c>
      <c r="E270" s="10">
        <v>0</v>
      </c>
      <c r="F270" s="10">
        <v>0</v>
      </c>
      <c r="G270" s="10">
        <v>0</v>
      </c>
      <c r="H270" s="10">
        <v>0</v>
      </c>
      <c r="I270" s="10">
        <v>0</v>
      </c>
      <c r="J270" s="10">
        <v>0</v>
      </c>
    </row>
    <row r="271" spans="2:10" ht="15" customHeight="1">
      <c r="B271" s="9" t="s">
        <v>78</v>
      </c>
      <c r="C271" s="10">
        <v>0</v>
      </c>
      <c r="D271" s="10">
        <v>0</v>
      </c>
      <c r="E271" s="10">
        <v>0</v>
      </c>
      <c r="F271" s="10">
        <v>0</v>
      </c>
      <c r="G271" s="10">
        <v>0</v>
      </c>
      <c r="H271" s="10">
        <v>0</v>
      </c>
      <c r="I271" s="10">
        <v>0</v>
      </c>
      <c r="J271" s="10">
        <v>0</v>
      </c>
    </row>
    <row r="272" spans="2:10" ht="15" customHeight="1">
      <c r="B272" s="7" t="s">
        <v>84</v>
      </c>
      <c r="C272" s="8">
        <v>0</v>
      </c>
      <c r="D272" s="8">
        <v>0</v>
      </c>
      <c r="E272" s="8">
        <v>0</v>
      </c>
      <c r="F272" s="8">
        <v>0</v>
      </c>
      <c r="G272" s="8">
        <v>0</v>
      </c>
      <c r="H272" s="8">
        <v>0</v>
      </c>
      <c r="I272" s="8">
        <v>0</v>
      </c>
      <c r="J272" s="8">
        <v>0</v>
      </c>
    </row>
    <row r="273" spans="2:10" ht="15" customHeight="1">
      <c r="B273" s="16" t="s">
        <v>80</v>
      </c>
      <c r="C273" s="20">
        <v>0</v>
      </c>
      <c r="D273" s="20">
        <v>0</v>
      </c>
      <c r="E273" s="20">
        <v>0</v>
      </c>
      <c r="F273" s="20">
        <v>0</v>
      </c>
      <c r="G273" s="20">
        <v>0</v>
      </c>
      <c r="H273" s="20">
        <v>0</v>
      </c>
      <c r="I273" s="20">
        <v>0</v>
      </c>
      <c r="J273" s="20">
        <v>0</v>
      </c>
    </row>
    <row r="274" spans="2:10" ht="15" customHeight="1">
      <c r="B274" s="14" t="s">
        <v>83</v>
      </c>
      <c r="C274" s="21">
        <v>0</v>
      </c>
      <c r="D274" s="21">
        <v>0</v>
      </c>
      <c r="E274" s="21">
        <v>0</v>
      </c>
      <c r="F274" s="21">
        <v>0</v>
      </c>
      <c r="G274" s="21">
        <v>0</v>
      </c>
      <c r="H274" s="21">
        <v>0</v>
      </c>
      <c r="I274" s="21">
        <v>0</v>
      </c>
      <c r="J274" s="21">
        <v>0</v>
      </c>
    </row>
    <row r="275" spans="2:10" ht="15" customHeight="1">
      <c r="B275" s="14" t="s">
        <v>84</v>
      </c>
      <c r="C275" s="21">
        <v>0</v>
      </c>
      <c r="D275" s="21">
        <v>0</v>
      </c>
      <c r="E275" s="21">
        <v>0</v>
      </c>
      <c r="F275" s="21">
        <v>0</v>
      </c>
      <c r="G275" s="21">
        <v>0</v>
      </c>
      <c r="H275" s="21">
        <v>0</v>
      </c>
      <c r="I275" s="21">
        <v>0</v>
      </c>
      <c r="J275" s="21">
        <v>0</v>
      </c>
    </row>
    <row r="276" spans="2:10" ht="15" customHeight="1">
      <c r="B276" s="5" t="s">
        <v>49</v>
      </c>
      <c r="C276" s="6">
        <v>14800</v>
      </c>
      <c r="D276" s="6">
        <v>41840</v>
      </c>
      <c r="E276" s="6">
        <v>38878</v>
      </c>
      <c r="F276" s="6">
        <v>94600</v>
      </c>
      <c r="G276" s="6">
        <v>53678</v>
      </c>
      <c r="H276" s="6">
        <v>136440</v>
      </c>
      <c r="I276" s="6">
        <v>0</v>
      </c>
      <c r="J276" s="6">
        <v>0</v>
      </c>
    </row>
    <row r="277" spans="2:10" ht="15" customHeight="1">
      <c r="B277" s="16" t="s">
        <v>75</v>
      </c>
      <c r="C277" s="20">
        <v>14800</v>
      </c>
      <c r="D277" s="20">
        <v>41840</v>
      </c>
      <c r="E277" s="20">
        <v>38878</v>
      </c>
      <c r="F277" s="20">
        <v>94600</v>
      </c>
      <c r="G277" s="20">
        <v>53678</v>
      </c>
      <c r="H277" s="20">
        <v>136440</v>
      </c>
      <c r="I277" s="20">
        <v>0</v>
      </c>
      <c r="J277" s="20">
        <v>0</v>
      </c>
    </row>
    <row r="278" spans="2:10" ht="15" customHeight="1">
      <c r="B278" s="7" t="s">
        <v>83</v>
      </c>
      <c r="C278" s="8">
        <v>14800</v>
      </c>
      <c r="D278" s="8">
        <v>41840</v>
      </c>
      <c r="E278" s="8">
        <v>38878</v>
      </c>
      <c r="F278" s="8">
        <v>94600</v>
      </c>
      <c r="G278" s="8">
        <v>53678</v>
      </c>
      <c r="H278" s="8">
        <v>136440</v>
      </c>
      <c r="I278" s="8">
        <v>0</v>
      </c>
      <c r="J278" s="8">
        <v>0</v>
      </c>
    </row>
    <row r="279" spans="2:10" ht="15" customHeight="1">
      <c r="B279" s="9" t="s">
        <v>77</v>
      </c>
      <c r="C279" s="10">
        <v>0</v>
      </c>
      <c r="D279" s="10">
        <v>0</v>
      </c>
      <c r="E279" s="10">
        <v>0</v>
      </c>
      <c r="F279" s="10">
        <v>0</v>
      </c>
      <c r="G279" s="10">
        <v>0</v>
      </c>
      <c r="H279" s="10">
        <v>0</v>
      </c>
      <c r="I279" s="10">
        <v>0</v>
      </c>
      <c r="J279" s="10">
        <v>0</v>
      </c>
    </row>
    <row r="280" spans="2:10" ht="15" customHeight="1">
      <c r="B280" s="9" t="s">
        <v>78</v>
      </c>
      <c r="C280" s="10">
        <v>14800</v>
      </c>
      <c r="D280" s="10">
        <v>41840</v>
      </c>
      <c r="E280" s="10">
        <v>38878</v>
      </c>
      <c r="F280" s="10">
        <v>94600</v>
      </c>
      <c r="G280" s="10">
        <v>53678</v>
      </c>
      <c r="H280" s="10">
        <v>136440</v>
      </c>
      <c r="I280" s="10">
        <v>0</v>
      </c>
      <c r="J280" s="10">
        <v>0</v>
      </c>
    </row>
    <row r="281" spans="2:10" ht="15" customHeight="1">
      <c r="B281" s="7" t="s">
        <v>84</v>
      </c>
      <c r="C281" s="8">
        <v>0</v>
      </c>
      <c r="D281" s="8">
        <v>0</v>
      </c>
      <c r="E281" s="8">
        <v>0</v>
      </c>
      <c r="F281" s="8">
        <v>0</v>
      </c>
      <c r="G281" s="8">
        <v>0</v>
      </c>
      <c r="H281" s="8">
        <v>0</v>
      </c>
      <c r="I281" s="8">
        <v>0</v>
      </c>
      <c r="J281" s="8">
        <v>0</v>
      </c>
    </row>
    <row r="282" spans="2:10" ht="15" customHeight="1">
      <c r="B282" s="16" t="s">
        <v>80</v>
      </c>
      <c r="C282" s="20">
        <v>0</v>
      </c>
      <c r="D282" s="20">
        <v>0</v>
      </c>
      <c r="E282" s="20">
        <v>0</v>
      </c>
      <c r="F282" s="20">
        <v>0</v>
      </c>
      <c r="G282" s="20">
        <v>0</v>
      </c>
      <c r="H282" s="20">
        <v>0</v>
      </c>
      <c r="I282" s="20">
        <v>0</v>
      </c>
      <c r="J282" s="20">
        <v>0</v>
      </c>
    </row>
    <row r="283" spans="2:10" ht="15" customHeight="1">
      <c r="B283" s="14" t="s">
        <v>83</v>
      </c>
      <c r="C283" s="21">
        <v>0</v>
      </c>
      <c r="D283" s="21">
        <v>0</v>
      </c>
      <c r="E283" s="21">
        <v>0</v>
      </c>
      <c r="F283" s="21">
        <v>0</v>
      </c>
      <c r="G283" s="21">
        <v>0</v>
      </c>
      <c r="H283" s="21">
        <v>0</v>
      </c>
      <c r="I283" s="21">
        <v>0</v>
      </c>
      <c r="J283" s="21">
        <v>0</v>
      </c>
    </row>
    <row r="284" spans="2:10" ht="15" customHeight="1">
      <c r="B284" s="14" t="s">
        <v>84</v>
      </c>
      <c r="C284" s="21">
        <v>0</v>
      </c>
      <c r="D284" s="21">
        <v>0</v>
      </c>
      <c r="E284" s="21">
        <v>0</v>
      </c>
      <c r="F284" s="21">
        <v>0</v>
      </c>
      <c r="G284" s="21">
        <v>0</v>
      </c>
      <c r="H284" s="21">
        <v>0</v>
      </c>
      <c r="I284" s="21">
        <v>0</v>
      </c>
      <c r="J284" s="21">
        <v>0</v>
      </c>
    </row>
    <row r="285" spans="2:10" ht="15" customHeight="1">
      <c r="B285" s="5" t="s">
        <v>50</v>
      </c>
      <c r="C285" s="6">
        <v>0</v>
      </c>
      <c r="D285" s="6">
        <v>0</v>
      </c>
      <c r="E285" s="6">
        <v>0</v>
      </c>
      <c r="F285" s="6">
        <v>0</v>
      </c>
      <c r="G285" s="6">
        <v>0</v>
      </c>
      <c r="H285" s="6">
        <v>0</v>
      </c>
      <c r="I285" s="6">
        <v>0</v>
      </c>
      <c r="J285" s="6">
        <v>0</v>
      </c>
    </row>
    <row r="286" spans="2:10" ht="15" customHeight="1">
      <c r="B286" s="16" t="s">
        <v>75</v>
      </c>
      <c r="C286" s="20">
        <v>0</v>
      </c>
      <c r="D286" s="20">
        <v>0</v>
      </c>
      <c r="E286" s="20">
        <v>0</v>
      </c>
      <c r="F286" s="20">
        <v>0</v>
      </c>
      <c r="G286" s="20">
        <v>0</v>
      </c>
      <c r="H286" s="20">
        <v>0</v>
      </c>
      <c r="I286" s="20">
        <v>0</v>
      </c>
      <c r="J286" s="20">
        <v>0</v>
      </c>
    </row>
    <row r="287" spans="2:10" ht="15" customHeight="1">
      <c r="B287" s="7" t="s">
        <v>83</v>
      </c>
      <c r="C287" s="8">
        <v>0</v>
      </c>
      <c r="D287" s="8">
        <v>0</v>
      </c>
      <c r="E287" s="8">
        <v>0</v>
      </c>
      <c r="F287" s="8">
        <v>0</v>
      </c>
      <c r="G287" s="8">
        <v>0</v>
      </c>
      <c r="H287" s="8">
        <v>0</v>
      </c>
      <c r="I287" s="8">
        <v>0</v>
      </c>
      <c r="J287" s="8">
        <v>0</v>
      </c>
    </row>
    <row r="288" spans="2:10" ht="15" customHeight="1">
      <c r="B288" s="9" t="s">
        <v>77</v>
      </c>
      <c r="C288" s="10">
        <v>0</v>
      </c>
      <c r="D288" s="10">
        <v>0</v>
      </c>
      <c r="E288" s="10">
        <v>0</v>
      </c>
      <c r="F288" s="10">
        <v>0</v>
      </c>
      <c r="G288" s="10">
        <v>0</v>
      </c>
      <c r="H288" s="10">
        <v>0</v>
      </c>
      <c r="I288" s="10">
        <v>0</v>
      </c>
      <c r="J288" s="10">
        <v>0</v>
      </c>
    </row>
    <row r="289" spans="2:10" ht="15" customHeight="1">
      <c r="B289" s="9" t="s">
        <v>78</v>
      </c>
      <c r="C289" s="10">
        <v>0</v>
      </c>
      <c r="D289" s="10">
        <v>0</v>
      </c>
      <c r="E289" s="10">
        <v>0</v>
      </c>
      <c r="F289" s="10">
        <v>0</v>
      </c>
      <c r="G289" s="10">
        <v>0</v>
      </c>
      <c r="H289" s="10">
        <v>0</v>
      </c>
      <c r="I289" s="10">
        <v>0</v>
      </c>
      <c r="J289" s="10">
        <v>0</v>
      </c>
    </row>
    <row r="290" spans="2:10" ht="15" customHeight="1">
      <c r="B290" s="7" t="s">
        <v>84</v>
      </c>
      <c r="C290" s="8">
        <v>0</v>
      </c>
      <c r="D290" s="8">
        <v>0</v>
      </c>
      <c r="E290" s="8">
        <v>0</v>
      </c>
      <c r="F290" s="8">
        <v>0</v>
      </c>
      <c r="G290" s="8">
        <v>0</v>
      </c>
      <c r="H290" s="8">
        <v>0</v>
      </c>
      <c r="I290" s="8">
        <v>0</v>
      </c>
      <c r="J290" s="8">
        <v>0</v>
      </c>
    </row>
    <row r="291" spans="2:10" ht="15" customHeight="1">
      <c r="B291" s="16" t="s">
        <v>80</v>
      </c>
      <c r="C291" s="20">
        <v>0</v>
      </c>
      <c r="D291" s="20">
        <v>0</v>
      </c>
      <c r="E291" s="20">
        <v>0</v>
      </c>
      <c r="F291" s="20">
        <v>0</v>
      </c>
      <c r="G291" s="20">
        <v>0</v>
      </c>
      <c r="H291" s="20">
        <v>0</v>
      </c>
      <c r="I291" s="20">
        <v>0</v>
      </c>
      <c r="J291" s="20">
        <v>0</v>
      </c>
    </row>
    <row r="292" spans="2:10" ht="15" customHeight="1">
      <c r="B292" s="14" t="s">
        <v>83</v>
      </c>
      <c r="C292" s="21">
        <v>0</v>
      </c>
      <c r="D292" s="21">
        <v>0</v>
      </c>
      <c r="E292" s="21">
        <v>0</v>
      </c>
      <c r="F292" s="21">
        <v>0</v>
      </c>
      <c r="G292" s="21">
        <v>0</v>
      </c>
      <c r="H292" s="21">
        <v>0</v>
      </c>
      <c r="I292" s="21">
        <v>0</v>
      </c>
      <c r="J292" s="21">
        <v>0</v>
      </c>
    </row>
    <row r="293" spans="2:10" ht="15" customHeight="1">
      <c r="B293" s="14" t="s">
        <v>84</v>
      </c>
      <c r="C293" s="21">
        <v>0</v>
      </c>
      <c r="D293" s="21">
        <v>0</v>
      </c>
      <c r="E293" s="21">
        <v>0</v>
      </c>
      <c r="F293" s="21">
        <v>0</v>
      </c>
      <c r="G293" s="21">
        <v>0</v>
      </c>
      <c r="H293" s="21">
        <v>0</v>
      </c>
      <c r="I293" s="21">
        <v>0</v>
      </c>
      <c r="J293" s="21">
        <v>0</v>
      </c>
    </row>
    <row r="294" spans="2:10" ht="15" customHeight="1">
      <c r="B294" s="5" t="s">
        <v>51</v>
      </c>
      <c r="C294" s="6">
        <v>0</v>
      </c>
      <c r="D294" s="6">
        <v>8</v>
      </c>
      <c r="E294" s="6">
        <v>1021</v>
      </c>
      <c r="F294" s="6">
        <v>1021</v>
      </c>
      <c r="G294" s="6">
        <v>1021</v>
      </c>
      <c r="H294" s="6">
        <v>1029</v>
      </c>
      <c r="I294" s="6">
        <v>0</v>
      </c>
      <c r="J294" s="6">
        <v>0</v>
      </c>
    </row>
    <row r="295" spans="2:10" ht="15" customHeight="1">
      <c r="B295" s="16" t="s">
        <v>75</v>
      </c>
      <c r="C295" s="20">
        <v>0</v>
      </c>
      <c r="D295" s="20">
        <v>8</v>
      </c>
      <c r="E295" s="20">
        <v>1021</v>
      </c>
      <c r="F295" s="20">
        <v>1021</v>
      </c>
      <c r="G295" s="20">
        <v>1021</v>
      </c>
      <c r="H295" s="20">
        <v>1029</v>
      </c>
      <c r="I295" s="20">
        <v>0</v>
      </c>
      <c r="J295" s="20">
        <v>0</v>
      </c>
    </row>
    <row r="296" spans="2:10" ht="15" customHeight="1">
      <c r="B296" s="7" t="s">
        <v>83</v>
      </c>
      <c r="C296" s="8">
        <v>0</v>
      </c>
      <c r="D296" s="8">
        <v>8</v>
      </c>
      <c r="E296" s="8">
        <v>1021</v>
      </c>
      <c r="F296" s="8">
        <v>1021</v>
      </c>
      <c r="G296" s="8">
        <v>1021</v>
      </c>
      <c r="H296" s="8">
        <v>1029</v>
      </c>
      <c r="I296" s="8">
        <v>0</v>
      </c>
      <c r="J296" s="8">
        <v>0</v>
      </c>
    </row>
    <row r="297" spans="2:10" ht="15" customHeight="1">
      <c r="B297" s="9" t="s">
        <v>77</v>
      </c>
      <c r="C297" s="10">
        <v>0</v>
      </c>
      <c r="D297" s="10">
        <v>8</v>
      </c>
      <c r="E297" s="10">
        <v>1021</v>
      </c>
      <c r="F297" s="10">
        <v>1021</v>
      </c>
      <c r="G297" s="10">
        <v>1021</v>
      </c>
      <c r="H297" s="10">
        <v>1029</v>
      </c>
      <c r="I297" s="10">
        <v>0</v>
      </c>
      <c r="J297" s="10">
        <v>0</v>
      </c>
    </row>
    <row r="298" spans="2:10" ht="15" customHeight="1">
      <c r="B298" s="9" t="s">
        <v>78</v>
      </c>
      <c r="C298" s="10">
        <v>0</v>
      </c>
      <c r="D298" s="10">
        <v>0</v>
      </c>
      <c r="E298" s="10">
        <v>0</v>
      </c>
      <c r="F298" s="10">
        <v>0</v>
      </c>
      <c r="G298" s="10">
        <v>0</v>
      </c>
      <c r="H298" s="10">
        <v>0</v>
      </c>
      <c r="I298" s="10">
        <v>0</v>
      </c>
      <c r="J298" s="10">
        <v>0</v>
      </c>
    </row>
    <row r="299" spans="2:10" ht="15" customHeight="1">
      <c r="B299" s="7" t="s">
        <v>84</v>
      </c>
      <c r="C299" s="8">
        <v>0</v>
      </c>
      <c r="D299" s="8">
        <v>0</v>
      </c>
      <c r="E299" s="8">
        <v>0</v>
      </c>
      <c r="F299" s="8">
        <v>0</v>
      </c>
      <c r="G299" s="8">
        <v>0</v>
      </c>
      <c r="H299" s="8">
        <v>0</v>
      </c>
      <c r="I299" s="8">
        <v>0</v>
      </c>
      <c r="J299" s="8">
        <v>0</v>
      </c>
    </row>
    <row r="300" spans="2:10" ht="15" customHeight="1">
      <c r="B300" s="16" t="s">
        <v>80</v>
      </c>
      <c r="C300" s="20">
        <v>0</v>
      </c>
      <c r="D300" s="20">
        <v>0</v>
      </c>
      <c r="E300" s="20">
        <v>0</v>
      </c>
      <c r="F300" s="20">
        <v>0</v>
      </c>
      <c r="G300" s="20">
        <v>0</v>
      </c>
      <c r="H300" s="20">
        <v>0</v>
      </c>
      <c r="I300" s="20">
        <v>0</v>
      </c>
      <c r="J300" s="20">
        <v>0</v>
      </c>
    </row>
    <row r="301" spans="2:10" ht="15" customHeight="1">
      <c r="B301" s="14" t="s">
        <v>83</v>
      </c>
      <c r="C301" s="21">
        <v>0</v>
      </c>
      <c r="D301" s="21">
        <v>0</v>
      </c>
      <c r="E301" s="21">
        <v>0</v>
      </c>
      <c r="F301" s="21">
        <v>0</v>
      </c>
      <c r="G301" s="21">
        <v>0</v>
      </c>
      <c r="H301" s="21">
        <v>0</v>
      </c>
      <c r="I301" s="21">
        <v>0</v>
      </c>
      <c r="J301" s="21">
        <v>0</v>
      </c>
    </row>
    <row r="302" spans="2:10" ht="15" customHeight="1">
      <c r="B302" s="14" t="s">
        <v>84</v>
      </c>
      <c r="C302" s="21">
        <v>0</v>
      </c>
      <c r="D302" s="21">
        <v>0</v>
      </c>
      <c r="E302" s="21">
        <v>0</v>
      </c>
      <c r="F302" s="21">
        <v>0</v>
      </c>
      <c r="G302" s="21">
        <v>0</v>
      </c>
      <c r="H302" s="21">
        <v>0</v>
      </c>
      <c r="I302" s="21">
        <v>0</v>
      </c>
      <c r="J302" s="21">
        <v>0</v>
      </c>
    </row>
    <row r="303" spans="2:10" ht="15" customHeight="1">
      <c r="B303" s="5" t="s">
        <v>52</v>
      </c>
      <c r="C303" s="6">
        <v>0</v>
      </c>
      <c r="D303" s="6">
        <v>0</v>
      </c>
      <c r="E303" s="6">
        <v>0</v>
      </c>
      <c r="F303" s="6">
        <v>0</v>
      </c>
      <c r="G303" s="6">
        <v>0</v>
      </c>
      <c r="H303" s="6">
        <v>0</v>
      </c>
      <c r="I303" s="6">
        <v>0</v>
      </c>
      <c r="J303" s="6">
        <v>0</v>
      </c>
    </row>
    <row r="304" spans="2:10" ht="15" customHeight="1">
      <c r="B304" s="16" t="s">
        <v>75</v>
      </c>
      <c r="C304" s="20">
        <v>0</v>
      </c>
      <c r="D304" s="20">
        <v>0</v>
      </c>
      <c r="E304" s="20">
        <v>0</v>
      </c>
      <c r="F304" s="20">
        <v>0</v>
      </c>
      <c r="G304" s="20">
        <v>0</v>
      </c>
      <c r="H304" s="20">
        <v>0</v>
      </c>
      <c r="I304" s="20">
        <v>0</v>
      </c>
      <c r="J304" s="20">
        <v>0</v>
      </c>
    </row>
    <row r="305" spans="2:10" ht="15" customHeight="1">
      <c r="B305" s="7" t="s">
        <v>83</v>
      </c>
      <c r="C305" s="8">
        <v>0</v>
      </c>
      <c r="D305" s="8">
        <v>0</v>
      </c>
      <c r="E305" s="8">
        <v>0</v>
      </c>
      <c r="F305" s="8">
        <v>0</v>
      </c>
      <c r="G305" s="8">
        <v>0</v>
      </c>
      <c r="H305" s="8">
        <v>0</v>
      </c>
      <c r="I305" s="8">
        <v>0</v>
      </c>
      <c r="J305" s="8">
        <v>0</v>
      </c>
    </row>
    <row r="306" spans="2:10" ht="15" customHeight="1">
      <c r="B306" s="9" t="s">
        <v>77</v>
      </c>
      <c r="C306" s="10">
        <v>0</v>
      </c>
      <c r="D306" s="10">
        <v>0</v>
      </c>
      <c r="E306" s="10">
        <v>0</v>
      </c>
      <c r="F306" s="10">
        <v>0</v>
      </c>
      <c r="G306" s="10">
        <v>0</v>
      </c>
      <c r="H306" s="10">
        <v>0</v>
      </c>
      <c r="I306" s="10">
        <v>0</v>
      </c>
      <c r="J306" s="10">
        <v>0</v>
      </c>
    </row>
    <row r="307" spans="2:10" ht="15" customHeight="1">
      <c r="B307" s="9" t="s">
        <v>78</v>
      </c>
      <c r="C307" s="10">
        <v>0</v>
      </c>
      <c r="D307" s="10">
        <v>0</v>
      </c>
      <c r="E307" s="10">
        <v>0</v>
      </c>
      <c r="F307" s="10">
        <v>0</v>
      </c>
      <c r="G307" s="10">
        <v>0</v>
      </c>
      <c r="H307" s="10">
        <v>0</v>
      </c>
      <c r="I307" s="10">
        <v>0</v>
      </c>
      <c r="J307" s="10">
        <v>0</v>
      </c>
    </row>
    <row r="308" spans="2:10" ht="15" customHeight="1">
      <c r="B308" s="7" t="s">
        <v>84</v>
      </c>
      <c r="C308" s="8">
        <v>0</v>
      </c>
      <c r="D308" s="8">
        <v>0</v>
      </c>
      <c r="E308" s="8">
        <v>0</v>
      </c>
      <c r="F308" s="8">
        <v>0</v>
      </c>
      <c r="G308" s="8">
        <v>0</v>
      </c>
      <c r="H308" s="8">
        <v>0</v>
      </c>
      <c r="I308" s="8">
        <v>0</v>
      </c>
      <c r="J308" s="8">
        <v>0</v>
      </c>
    </row>
    <row r="309" spans="2:10" ht="15" customHeight="1">
      <c r="B309" s="16" t="s">
        <v>80</v>
      </c>
      <c r="C309" s="20">
        <v>0</v>
      </c>
      <c r="D309" s="20">
        <v>0</v>
      </c>
      <c r="E309" s="20">
        <v>0</v>
      </c>
      <c r="F309" s="20">
        <v>0</v>
      </c>
      <c r="G309" s="20">
        <v>0</v>
      </c>
      <c r="H309" s="20">
        <v>0</v>
      </c>
      <c r="I309" s="20">
        <v>0</v>
      </c>
      <c r="J309" s="20">
        <v>0</v>
      </c>
    </row>
    <row r="310" spans="2:10" ht="15" customHeight="1">
      <c r="B310" s="14" t="s">
        <v>83</v>
      </c>
      <c r="C310" s="21">
        <v>0</v>
      </c>
      <c r="D310" s="21">
        <v>0</v>
      </c>
      <c r="E310" s="21">
        <v>0</v>
      </c>
      <c r="F310" s="21">
        <v>0</v>
      </c>
      <c r="G310" s="21">
        <v>0</v>
      </c>
      <c r="H310" s="21">
        <v>0</v>
      </c>
      <c r="I310" s="21">
        <v>0</v>
      </c>
      <c r="J310" s="21">
        <v>0</v>
      </c>
    </row>
    <row r="311" spans="2:10" ht="15" customHeight="1">
      <c r="B311" s="14" t="s">
        <v>84</v>
      </c>
      <c r="C311" s="21">
        <v>0</v>
      </c>
      <c r="D311" s="21">
        <v>0</v>
      </c>
      <c r="E311" s="21">
        <v>0</v>
      </c>
      <c r="F311" s="21">
        <v>0</v>
      </c>
      <c r="G311" s="21">
        <v>0</v>
      </c>
      <c r="H311" s="21">
        <v>0</v>
      </c>
      <c r="I311" s="21">
        <v>0</v>
      </c>
      <c r="J311" s="21">
        <v>0</v>
      </c>
    </row>
    <row r="312" spans="2:10" ht="15" customHeight="1">
      <c r="B312" s="5" t="s">
        <v>53</v>
      </c>
      <c r="C312" s="6">
        <v>0</v>
      </c>
      <c r="D312" s="6">
        <v>0</v>
      </c>
      <c r="E312" s="6">
        <v>0</v>
      </c>
      <c r="F312" s="6">
        <v>0</v>
      </c>
      <c r="G312" s="6">
        <v>0</v>
      </c>
      <c r="H312" s="6">
        <v>0</v>
      </c>
      <c r="I312" s="6">
        <v>0</v>
      </c>
      <c r="J312" s="6">
        <v>0</v>
      </c>
    </row>
    <row r="313" spans="2:10" ht="15" customHeight="1">
      <c r="B313" s="16" t="s">
        <v>75</v>
      </c>
      <c r="C313" s="20">
        <v>0</v>
      </c>
      <c r="D313" s="20">
        <v>0</v>
      </c>
      <c r="E313" s="20">
        <v>0</v>
      </c>
      <c r="F313" s="20">
        <v>0</v>
      </c>
      <c r="G313" s="20">
        <v>0</v>
      </c>
      <c r="H313" s="20">
        <v>0</v>
      </c>
      <c r="I313" s="20">
        <v>0</v>
      </c>
      <c r="J313" s="20">
        <v>0</v>
      </c>
    </row>
    <row r="314" spans="2:10" ht="15" customHeight="1">
      <c r="B314" s="7" t="s">
        <v>83</v>
      </c>
      <c r="C314" s="8">
        <v>0</v>
      </c>
      <c r="D314" s="8">
        <v>0</v>
      </c>
      <c r="E314" s="8">
        <v>0</v>
      </c>
      <c r="F314" s="8">
        <v>0</v>
      </c>
      <c r="G314" s="8">
        <v>0</v>
      </c>
      <c r="H314" s="8">
        <v>0</v>
      </c>
      <c r="I314" s="8">
        <v>0</v>
      </c>
      <c r="J314" s="8">
        <v>0</v>
      </c>
    </row>
    <row r="315" spans="2:10" ht="15" customHeight="1">
      <c r="B315" s="9" t="s">
        <v>77</v>
      </c>
      <c r="C315" s="10">
        <v>0</v>
      </c>
      <c r="D315" s="10">
        <v>0</v>
      </c>
      <c r="E315" s="10">
        <v>0</v>
      </c>
      <c r="F315" s="10">
        <v>0</v>
      </c>
      <c r="G315" s="10">
        <v>0</v>
      </c>
      <c r="H315" s="10">
        <v>0</v>
      </c>
      <c r="I315" s="10">
        <v>0</v>
      </c>
      <c r="J315" s="10">
        <v>0</v>
      </c>
    </row>
    <row r="316" spans="2:10" ht="15" customHeight="1">
      <c r="B316" s="9" t="s">
        <v>78</v>
      </c>
      <c r="C316" s="10">
        <v>0</v>
      </c>
      <c r="D316" s="10">
        <v>0</v>
      </c>
      <c r="E316" s="10">
        <v>0</v>
      </c>
      <c r="F316" s="10">
        <v>0</v>
      </c>
      <c r="G316" s="10">
        <v>0</v>
      </c>
      <c r="H316" s="10">
        <v>0</v>
      </c>
      <c r="I316" s="10">
        <v>0</v>
      </c>
      <c r="J316" s="10">
        <v>0</v>
      </c>
    </row>
    <row r="317" spans="2:10" ht="15" customHeight="1">
      <c r="B317" s="7" t="s">
        <v>84</v>
      </c>
      <c r="C317" s="8">
        <v>0</v>
      </c>
      <c r="D317" s="8">
        <v>0</v>
      </c>
      <c r="E317" s="8">
        <v>0</v>
      </c>
      <c r="F317" s="8">
        <v>0</v>
      </c>
      <c r="G317" s="8">
        <v>0</v>
      </c>
      <c r="H317" s="8">
        <v>0</v>
      </c>
      <c r="I317" s="8">
        <v>0</v>
      </c>
      <c r="J317" s="8">
        <v>0</v>
      </c>
    </row>
    <row r="318" spans="2:10" ht="15" customHeight="1">
      <c r="B318" s="16" t="s">
        <v>80</v>
      </c>
      <c r="C318" s="20">
        <v>0</v>
      </c>
      <c r="D318" s="20">
        <v>0</v>
      </c>
      <c r="E318" s="20">
        <v>0</v>
      </c>
      <c r="F318" s="20">
        <v>0</v>
      </c>
      <c r="G318" s="20">
        <v>0</v>
      </c>
      <c r="H318" s="20">
        <v>0</v>
      </c>
      <c r="I318" s="20">
        <v>0</v>
      </c>
      <c r="J318" s="20">
        <v>0</v>
      </c>
    </row>
    <row r="319" spans="2:10" ht="15" customHeight="1">
      <c r="B319" s="14" t="s">
        <v>83</v>
      </c>
      <c r="C319" s="21">
        <v>0</v>
      </c>
      <c r="D319" s="21">
        <v>0</v>
      </c>
      <c r="E319" s="21">
        <v>0</v>
      </c>
      <c r="F319" s="21">
        <v>0</v>
      </c>
      <c r="G319" s="21">
        <v>0</v>
      </c>
      <c r="H319" s="21">
        <v>0</v>
      </c>
      <c r="I319" s="21">
        <v>0</v>
      </c>
      <c r="J319" s="21">
        <v>0</v>
      </c>
    </row>
    <row r="320" spans="2:10" ht="15" customHeight="1">
      <c r="B320" s="14" t="s">
        <v>84</v>
      </c>
      <c r="C320" s="21">
        <v>0</v>
      </c>
      <c r="D320" s="21">
        <v>0</v>
      </c>
      <c r="E320" s="21">
        <v>0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</row>
    <row r="321" spans="2:10" ht="15" customHeight="1">
      <c r="B321" s="5" t="s">
        <v>54</v>
      </c>
      <c r="C321" s="6">
        <v>0</v>
      </c>
      <c r="D321" s="6">
        <v>0</v>
      </c>
      <c r="E321" s="6">
        <v>0</v>
      </c>
      <c r="F321" s="6">
        <v>0</v>
      </c>
      <c r="G321" s="6">
        <v>0</v>
      </c>
      <c r="H321" s="6">
        <v>0</v>
      </c>
      <c r="I321" s="6">
        <v>0</v>
      </c>
      <c r="J321" s="6">
        <v>0</v>
      </c>
    </row>
    <row r="322" spans="2:10" ht="15" customHeight="1">
      <c r="B322" s="16" t="s">
        <v>75</v>
      </c>
      <c r="C322" s="20">
        <v>0</v>
      </c>
      <c r="D322" s="20">
        <v>0</v>
      </c>
      <c r="E322" s="20">
        <v>0</v>
      </c>
      <c r="F322" s="20">
        <v>0</v>
      </c>
      <c r="G322" s="20">
        <v>0</v>
      </c>
      <c r="H322" s="20">
        <v>0</v>
      </c>
      <c r="I322" s="20">
        <v>0</v>
      </c>
      <c r="J322" s="20">
        <v>0</v>
      </c>
    </row>
    <row r="323" spans="2:10" ht="15" customHeight="1">
      <c r="B323" s="7" t="s">
        <v>83</v>
      </c>
      <c r="C323" s="8">
        <v>0</v>
      </c>
      <c r="D323" s="8">
        <v>0</v>
      </c>
      <c r="E323" s="8">
        <v>0</v>
      </c>
      <c r="F323" s="8">
        <v>0</v>
      </c>
      <c r="G323" s="8">
        <v>0</v>
      </c>
      <c r="H323" s="8">
        <v>0</v>
      </c>
      <c r="I323" s="8">
        <v>0</v>
      </c>
      <c r="J323" s="8">
        <v>0</v>
      </c>
    </row>
    <row r="324" spans="2:10" ht="15" customHeight="1">
      <c r="B324" s="9" t="s">
        <v>77</v>
      </c>
      <c r="C324" s="10">
        <v>0</v>
      </c>
      <c r="D324" s="10">
        <v>0</v>
      </c>
      <c r="E324" s="10">
        <v>0</v>
      </c>
      <c r="F324" s="10">
        <v>0</v>
      </c>
      <c r="G324" s="10">
        <v>0</v>
      </c>
      <c r="H324" s="10">
        <v>0</v>
      </c>
      <c r="I324" s="10">
        <v>0</v>
      </c>
      <c r="J324" s="10">
        <v>0</v>
      </c>
    </row>
    <row r="325" spans="2:10" ht="15" customHeight="1">
      <c r="B325" s="9" t="s">
        <v>78</v>
      </c>
      <c r="C325" s="10">
        <v>0</v>
      </c>
      <c r="D325" s="10">
        <v>0</v>
      </c>
      <c r="E325" s="10">
        <v>0</v>
      </c>
      <c r="F325" s="10">
        <v>0</v>
      </c>
      <c r="G325" s="10">
        <v>0</v>
      </c>
      <c r="H325" s="10">
        <v>0</v>
      </c>
      <c r="I325" s="10">
        <v>0</v>
      </c>
      <c r="J325" s="10">
        <v>0</v>
      </c>
    </row>
    <row r="326" spans="2:10" ht="15" customHeight="1">
      <c r="B326" s="7" t="s">
        <v>84</v>
      </c>
      <c r="C326" s="8">
        <v>0</v>
      </c>
      <c r="D326" s="8">
        <v>0</v>
      </c>
      <c r="E326" s="8">
        <v>0</v>
      </c>
      <c r="F326" s="8">
        <v>0</v>
      </c>
      <c r="G326" s="8">
        <v>0</v>
      </c>
      <c r="H326" s="8">
        <v>0</v>
      </c>
      <c r="I326" s="8">
        <v>0</v>
      </c>
      <c r="J326" s="8">
        <v>0</v>
      </c>
    </row>
    <row r="327" spans="2:10" ht="15" customHeight="1">
      <c r="B327" s="16" t="s">
        <v>80</v>
      </c>
      <c r="C327" s="20">
        <v>0</v>
      </c>
      <c r="D327" s="20">
        <v>0</v>
      </c>
      <c r="E327" s="20">
        <v>0</v>
      </c>
      <c r="F327" s="20">
        <v>0</v>
      </c>
      <c r="G327" s="20">
        <v>0</v>
      </c>
      <c r="H327" s="20">
        <v>0</v>
      </c>
      <c r="I327" s="20">
        <v>0</v>
      </c>
      <c r="J327" s="20">
        <v>0</v>
      </c>
    </row>
    <row r="328" spans="2:10" ht="15" customHeight="1">
      <c r="B328" s="14" t="s">
        <v>83</v>
      </c>
      <c r="C328" s="21">
        <v>0</v>
      </c>
      <c r="D328" s="21">
        <v>0</v>
      </c>
      <c r="E328" s="21">
        <v>0</v>
      </c>
      <c r="F328" s="21">
        <v>0</v>
      </c>
      <c r="G328" s="21">
        <v>0</v>
      </c>
      <c r="H328" s="21">
        <v>0</v>
      </c>
      <c r="I328" s="21">
        <v>0</v>
      </c>
      <c r="J328" s="21">
        <v>0</v>
      </c>
    </row>
    <row r="329" spans="2:10" ht="15" customHeight="1">
      <c r="B329" s="14" t="s">
        <v>84</v>
      </c>
      <c r="C329" s="21">
        <v>0</v>
      </c>
      <c r="D329" s="21">
        <v>0</v>
      </c>
      <c r="E329" s="21">
        <v>0</v>
      </c>
      <c r="F329" s="21">
        <v>0</v>
      </c>
      <c r="G329" s="21">
        <v>0</v>
      </c>
      <c r="H329" s="21">
        <v>0</v>
      </c>
      <c r="I329" s="21">
        <v>0</v>
      </c>
      <c r="J329" s="21">
        <v>0</v>
      </c>
    </row>
    <row r="330" spans="2:10" ht="15" customHeight="1">
      <c r="B330" s="5" t="s">
        <v>55</v>
      </c>
      <c r="C330" s="6">
        <v>0</v>
      </c>
      <c r="D330" s="6">
        <v>0</v>
      </c>
      <c r="E330" s="6">
        <v>0</v>
      </c>
      <c r="F330" s="6">
        <v>0</v>
      </c>
      <c r="G330" s="6">
        <v>0</v>
      </c>
      <c r="H330" s="6">
        <v>0</v>
      </c>
      <c r="I330" s="6">
        <v>0</v>
      </c>
      <c r="J330" s="6">
        <v>0</v>
      </c>
    </row>
    <row r="331" spans="2:10" ht="15" customHeight="1">
      <c r="B331" s="16" t="s">
        <v>75</v>
      </c>
      <c r="C331" s="20">
        <v>0</v>
      </c>
      <c r="D331" s="20">
        <v>0</v>
      </c>
      <c r="E331" s="20">
        <v>0</v>
      </c>
      <c r="F331" s="20">
        <v>0</v>
      </c>
      <c r="G331" s="20">
        <v>0</v>
      </c>
      <c r="H331" s="20">
        <v>0</v>
      </c>
      <c r="I331" s="20">
        <v>0</v>
      </c>
      <c r="J331" s="20">
        <v>0</v>
      </c>
    </row>
    <row r="332" spans="2:10" ht="15" customHeight="1">
      <c r="B332" s="7" t="s">
        <v>83</v>
      </c>
      <c r="C332" s="8">
        <v>0</v>
      </c>
      <c r="D332" s="8">
        <v>0</v>
      </c>
      <c r="E332" s="8">
        <v>0</v>
      </c>
      <c r="F332" s="8">
        <v>0</v>
      </c>
      <c r="G332" s="8">
        <v>0</v>
      </c>
      <c r="H332" s="8">
        <v>0</v>
      </c>
      <c r="I332" s="8">
        <v>0</v>
      </c>
      <c r="J332" s="8">
        <v>0</v>
      </c>
    </row>
    <row r="333" spans="2:10" ht="15" customHeight="1">
      <c r="B333" s="9" t="s">
        <v>77</v>
      </c>
      <c r="C333" s="10">
        <v>0</v>
      </c>
      <c r="D333" s="10">
        <v>0</v>
      </c>
      <c r="E333" s="10">
        <v>0</v>
      </c>
      <c r="F333" s="10">
        <v>0</v>
      </c>
      <c r="G333" s="10">
        <v>0</v>
      </c>
      <c r="H333" s="10">
        <v>0</v>
      </c>
      <c r="I333" s="10">
        <v>0</v>
      </c>
      <c r="J333" s="10">
        <v>0</v>
      </c>
    </row>
    <row r="334" spans="2:10" ht="15" customHeight="1">
      <c r="B334" s="9" t="s">
        <v>78</v>
      </c>
      <c r="C334" s="10">
        <v>0</v>
      </c>
      <c r="D334" s="10">
        <v>0</v>
      </c>
      <c r="E334" s="10">
        <v>0</v>
      </c>
      <c r="F334" s="10">
        <v>0</v>
      </c>
      <c r="G334" s="10">
        <v>0</v>
      </c>
      <c r="H334" s="10">
        <v>0</v>
      </c>
      <c r="I334" s="10">
        <v>0</v>
      </c>
      <c r="J334" s="10">
        <v>0</v>
      </c>
    </row>
    <row r="335" spans="2:10" ht="15" customHeight="1">
      <c r="B335" s="7" t="s">
        <v>84</v>
      </c>
      <c r="C335" s="8">
        <v>0</v>
      </c>
      <c r="D335" s="8">
        <v>0</v>
      </c>
      <c r="E335" s="8">
        <v>0</v>
      </c>
      <c r="F335" s="8">
        <v>0</v>
      </c>
      <c r="G335" s="8">
        <v>0</v>
      </c>
      <c r="H335" s="8">
        <v>0</v>
      </c>
      <c r="I335" s="8">
        <v>0</v>
      </c>
      <c r="J335" s="8">
        <v>0</v>
      </c>
    </row>
    <row r="336" spans="2:10" ht="15" customHeight="1">
      <c r="B336" s="16" t="s">
        <v>80</v>
      </c>
      <c r="C336" s="20">
        <v>0</v>
      </c>
      <c r="D336" s="20">
        <v>0</v>
      </c>
      <c r="E336" s="20">
        <v>0</v>
      </c>
      <c r="F336" s="20">
        <v>0</v>
      </c>
      <c r="G336" s="20">
        <v>0</v>
      </c>
      <c r="H336" s="20">
        <v>0</v>
      </c>
      <c r="I336" s="20">
        <v>0</v>
      </c>
      <c r="J336" s="20">
        <v>0</v>
      </c>
    </row>
    <row r="337" spans="2:10" ht="15" customHeight="1">
      <c r="B337" s="14" t="s">
        <v>83</v>
      </c>
      <c r="C337" s="21">
        <v>0</v>
      </c>
      <c r="D337" s="21">
        <v>0</v>
      </c>
      <c r="E337" s="21">
        <v>0</v>
      </c>
      <c r="F337" s="21">
        <v>0</v>
      </c>
      <c r="G337" s="21">
        <v>0</v>
      </c>
      <c r="H337" s="21">
        <v>0</v>
      </c>
      <c r="I337" s="21">
        <v>0</v>
      </c>
      <c r="J337" s="21">
        <v>0</v>
      </c>
    </row>
    <row r="338" spans="2:10" ht="15" customHeight="1">
      <c r="B338" s="14" t="s">
        <v>84</v>
      </c>
      <c r="C338" s="21">
        <v>0</v>
      </c>
      <c r="D338" s="21">
        <v>0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</row>
    <row r="339" spans="2:10" ht="15" customHeight="1">
      <c r="B339" s="5" t="s">
        <v>56</v>
      </c>
      <c r="C339" s="6">
        <v>0</v>
      </c>
      <c r="D339" s="6">
        <v>0</v>
      </c>
      <c r="E339" s="6">
        <v>0</v>
      </c>
      <c r="F339" s="6">
        <v>0</v>
      </c>
      <c r="G339" s="6">
        <v>0</v>
      </c>
      <c r="H339" s="6">
        <v>0</v>
      </c>
      <c r="I339" s="6">
        <v>0</v>
      </c>
      <c r="J339" s="6">
        <v>0</v>
      </c>
    </row>
    <row r="340" spans="2:10" ht="15" customHeight="1">
      <c r="B340" s="16" t="s">
        <v>75</v>
      </c>
      <c r="C340" s="20">
        <v>0</v>
      </c>
      <c r="D340" s="20">
        <v>0</v>
      </c>
      <c r="E340" s="20">
        <v>0</v>
      </c>
      <c r="F340" s="20">
        <v>0</v>
      </c>
      <c r="G340" s="20">
        <v>0</v>
      </c>
      <c r="H340" s="20">
        <v>0</v>
      </c>
      <c r="I340" s="20">
        <v>0</v>
      </c>
      <c r="J340" s="20">
        <v>0</v>
      </c>
    </row>
    <row r="341" spans="2:10" ht="15" customHeight="1">
      <c r="B341" s="7" t="s">
        <v>83</v>
      </c>
      <c r="C341" s="8">
        <v>0</v>
      </c>
      <c r="D341" s="8">
        <v>0</v>
      </c>
      <c r="E341" s="8">
        <v>0</v>
      </c>
      <c r="F341" s="8">
        <v>0</v>
      </c>
      <c r="G341" s="8">
        <v>0</v>
      </c>
      <c r="H341" s="8">
        <v>0</v>
      </c>
      <c r="I341" s="8">
        <v>0</v>
      </c>
      <c r="J341" s="8">
        <v>0</v>
      </c>
    </row>
    <row r="342" spans="2:10" ht="15" customHeight="1">
      <c r="B342" s="9" t="s">
        <v>77</v>
      </c>
      <c r="C342" s="10">
        <v>0</v>
      </c>
      <c r="D342" s="10">
        <v>0</v>
      </c>
      <c r="E342" s="10">
        <v>0</v>
      </c>
      <c r="F342" s="10">
        <v>0</v>
      </c>
      <c r="G342" s="10">
        <v>0</v>
      </c>
      <c r="H342" s="10">
        <v>0</v>
      </c>
      <c r="I342" s="10">
        <v>0</v>
      </c>
      <c r="J342" s="10">
        <v>0</v>
      </c>
    </row>
    <row r="343" spans="2:10" ht="15" customHeight="1">
      <c r="B343" s="9" t="s">
        <v>78</v>
      </c>
      <c r="C343" s="10">
        <v>0</v>
      </c>
      <c r="D343" s="10">
        <v>0</v>
      </c>
      <c r="E343" s="10">
        <v>0</v>
      </c>
      <c r="F343" s="10">
        <v>0</v>
      </c>
      <c r="G343" s="10">
        <v>0</v>
      </c>
      <c r="H343" s="10">
        <v>0</v>
      </c>
      <c r="I343" s="10">
        <v>0</v>
      </c>
      <c r="J343" s="10">
        <v>0</v>
      </c>
    </row>
    <row r="344" spans="2:10" ht="15" customHeight="1">
      <c r="B344" s="7" t="s">
        <v>84</v>
      </c>
      <c r="C344" s="8">
        <v>0</v>
      </c>
      <c r="D344" s="8">
        <v>0</v>
      </c>
      <c r="E344" s="8">
        <v>0</v>
      </c>
      <c r="F344" s="8">
        <v>0</v>
      </c>
      <c r="G344" s="8">
        <v>0</v>
      </c>
      <c r="H344" s="8">
        <v>0</v>
      </c>
      <c r="I344" s="8">
        <v>0</v>
      </c>
      <c r="J344" s="8">
        <v>0</v>
      </c>
    </row>
    <row r="345" spans="2:10" ht="15" customHeight="1">
      <c r="B345" s="16" t="s">
        <v>80</v>
      </c>
      <c r="C345" s="20">
        <v>0</v>
      </c>
      <c r="D345" s="20">
        <v>0</v>
      </c>
      <c r="E345" s="20">
        <v>0</v>
      </c>
      <c r="F345" s="20">
        <v>0</v>
      </c>
      <c r="G345" s="20">
        <v>0</v>
      </c>
      <c r="H345" s="20">
        <v>0</v>
      </c>
      <c r="I345" s="20">
        <v>0</v>
      </c>
      <c r="J345" s="20">
        <v>0</v>
      </c>
    </row>
    <row r="346" spans="2:10" ht="15" customHeight="1">
      <c r="B346" s="14" t="s">
        <v>83</v>
      </c>
      <c r="C346" s="21">
        <v>0</v>
      </c>
      <c r="D346" s="21">
        <v>0</v>
      </c>
      <c r="E346" s="21">
        <v>0</v>
      </c>
      <c r="F346" s="21">
        <v>0</v>
      </c>
      <c r="G346" s="21">
        <v>0</v>
      </c>
      <c r="H346" s="21">
        <v>0</v>
      </c>
      <c r="I346" s="21">
        <v>0</v>
      </c>
      <c r="J346" s="21">
        <v>0</v>
      </c>
    </row>
    <row r="347" spans="2:10" ht="15" customHeight="1">
      <c r="B347" s="14" t="s">
        <v>84</v>
      </c>
      <c r="C347" s="21">
        <v>0</v>
      </c>
      <c r="D347" s="21">
        <v>0</v>
      </c>
      <c r="E347" s="21">
        <v>0</v>
      </c>
      <c r="F347" s="21">
        <v>0</v>
      </c>
      <c r="G347" s="21">
        <v>0</v>
      </c>
      <c r="H347" s="21">
        <v>0</v>
      </c>
      <c r="I347" s="21">
        <v>0</v>
      </c>
      <c r="J347" s="21">
        <v>0</v>
      </c>
    </row>
    <row r="348" spans="2:10" ht="15" customHeight="1">
      <c r="B348" s="5" t="s">
        <v>57</v>
      </c>
      <c r="C348" s="6">
        <v>0</v>
      </c>
      <c r="D348" s="6">
        <v>0</v>
      </c>
      <c r="E348" s="6">
        <v>0</v>
      </c>
      <c r="F348" s="6">
        <v>0</v>
      </c>
      <c r="G348" s="6">
        <v>0</v>
      </c>
      <c r="H348" s="6">
        <v>0</v>
      </c>
      <c r="I348" s="6">
        <v>0</v>
      </c>
      <c r="J348" s="6">
        <v>0</v>
      </c>
    </row>
    <row r="349" spans="2:10" ht="15" customHeight="1">
      <c r="B349" s="16" t="s">
        <v>75</v>
      </c>
      <c r="C349" s="20">
        <v>0</v>
      </c>
      <c r="D349" s="20">
        <v>0</v>
      </c>
      <c r="E349" s="20">
        <v>0</v>
      </c>
      <c r="F349" s="20">
        <v>0</v>
      </c>
      <c r="G349" s="20">
        <v>0</v>
      </c>
      <c r="H349" s="20">
        <v>0</v>
      </c>
      <c r="I349" s="20">
        <v>0</v>
      </c>
      <c r="J349" s="20">
        <v>0</v>
      </c>
    </row>
    <row r="350" spans="2:10" ht="15" customHeight="1">
      <c r="B350" s="7" t="s">
        <v>83</v>
      </c>
      <c r="C350" s="8">
        <v>0</v>
      </c>
      <c r="D350" s="8">
        <v>0</v>
      </c>
      <c r="E350" s="8">
        <v>0</v>
      </c>
      <c r="F350" s="8">
        <v>0</v>
      </c>
      <c r="G350" s="8">
        <v>0</v>
      </c>
      <c r="H350" s="8">
        <v>0</v>
      </c>
      <c r="I350" s="8">
        <v>0</v>
      </c>
      <c r="J350" s="8">
        <v>0</v>
      </c>
    </row>
    <row r="351" spans="2:10" ht="15" customHeight="1">
      <c r="B351" s="9" t="s">
        <v>77</v>
      </c>
      <c r="C351" s="10">
        <v>0</v>
      </c>
      <c r="D351" s="10">
        <v>0</v>
      </c>
      <c r="E351" s="10">
        <v>0</v>
      </c>
      <c r="F351" s="10">
        <v>0</v>
      </c>
      <c r="G351" s="10">
        <v>0</v>
      </c>
      <c r="H351" s="10">
        <v>0</v>
      </c>
      <c r="I351" s="10">
        <v>0</v>
      </c>
      <c r="J351" s="10">
        <v>0</v>
      </c>
    </row>
    <row r="352" spans="2:10" ht="15" customHeight="1">
      <c r="B352" s="9" t="s">
        <v>78</v>
      </c>
      <c r="C352" s="10">
        <v>0</v>
      </c>
      <c r="D352" s="10">
        <v>0</v>
      </c>
      <c r="E352" s="10">
        <v>0</v>
      </c>
      <c r="F352" s="10">
        <v>0</v>
      </c>
      <c r="G352" s="10">
        <v>0</v>
      </c>
      <c r="H352" s="10">
        <v>0</v>
      </c>
      <c r="I352" s="10">
        <v>0</v>
      </c>
      <c r="J352" s="10">
        <v>0</v>
      </c>
    </row>
    <row r="353" spans="2:10" ht="15" customHeight="1">
      <c r="B353" s="7" t="s">
        <v>84</v>
      </c>
      <c r="C353" s="8">
        <v>0</v>
      </c>
      <c r="D353" s="8">
        <v>0</v>
      </c>
      <c r="E353" s="8">
        <v>0</v>
      </c>
      <c r="F353" s="8">
        <v>0</v>
      </c>
      <c r="G353" s="8">
        <v>0</v>
      </c>
      <c r="H353" s="8">
        <v>0</v>
      </c>
      <c r="I353" s="8">
        <v>0</v>
      </c>
      <c r="J353" s="8">
        <v>0</v>
      </c>
    </row>
    <row r="354" spans="2:10" ht="15" customHeight="1">
      <c r="B354" s="16" t="s">
        <v>80</v>
      </c>
      <c r="C354" s="20">
        <v>0</v>
      </c>
      <c r="D354" s="20">
        <v>0</v>
      </c>
      <c r="E354" s="20">
        <v>0</v>
      </c>
      <c r="F354" s="20">
        <v>0</v>
      </c>
      <c r="G354" s="20">
        <v>0</v>
      </c>
      <c r="H354" s="20">
        <v>0</v>
      </c>
      <c r="I354" s="20">
        <v>0</v>
      </c>
      <c r="J354" s="20">
        <v>0</v>
      </c>
    </row>
    <row r="355" spans="2:10" ht="15" customHeight="1">
      <c r="B355" s="14" t="s">
        <v>83</v>
      </c>
      <c r="C355" s="21">
        <v>0</v>
      </c>
      <c r="D355" s="21">
        <v>0</v>
      </c>
      <c r="E355" s="21">
        <v>0</v>
      </c>
      <c r="F355" s="21">
        <v>0</v>
      </c>
      <c r="G355" s="21">
        <v>0</v>
      </c>
      <c r="H355" s="21">
        <v>0</v>
      </c>
      <c r="I355" s="21">
        <v>0</v>
      </c>
      <c r="J355" s="21">
        <v>0</v>
      </c>
    </row>
    <row r="356" spans="2:10" ht="15" customHeight="1">
      <c r="B356" s="14" t="s">
        <v>84</v>
      </c>
      <c r="C356" s="21">
        <v>0</v>
      </c>
      <c r="D356" s="21">
        <v>0</v>
      </c>
      <c r="E356" s="21">
        <v>0</v>
      </c>
      <c r="F356" s="21">
        <v>0</v>
      </c>
      <c r="G356" s="21">
        <v>0</v>
      </c>
      <c r="H356" s="21">
        <v>0</v>
      </c>
      <c r="I356" s="21">
        <v>0</v>
      </c>
      <c r="J356" s="21">
        <v>0</v>
      </c>
    </row>
    <row r="357" spans="2:10" ht="15" customHeight="1">
      <c r="B357" s="5" t="s">
        <v>58</v>
      </c>
      <c r="C357" s="6">
        <v>0</v>
      </c>
      <c r="D357" s="6">
        <v>0</v>
      </c>
      <c r="E357" s="6">
        <v>1593</v>
      </c>
      <c r="F357" s="6">
        <v>1593</v>
      </c>
      <c r="G357" s="6">
        <v>1593</v>
      </c>
      <c r="H357" s="6">
        <v>1593</v>
      </c>
      <c r="I357" s="6">
        <v>0</v>
      </c>
      <c r="J357" s="6">
        <v>0</v>
      </c>
    </row>
    <row r="358" spans="2:10" ht="15" customHeight="1">
      <c r="B358" s="16" t="s">
        <v>75</v>
      </c>
      <c r="C358" s="20">
        <v>0</v>
      </c>
      <c r="D358" s="20">
        <v>0</v>
      </c>
      <c r="E358" s="20">
        <v>1593</v>
      </c>
      <c r="F358" s="20">
        <v>1593</v>
      </c>
      <c r="G358" s="20">
        <v>1593</v>
      </c>
      <c r="H358" s="20">
        <v>1593</v>
      </c>
      <c r="I358" s="20">
        <v>0</v>
      </c>
      <c r="J358" s="20">
        <v>0</v>
      </c>
    </row>
    <row r="359" spans="2:10" ht="15" customHeight="1">
      <c r="B359" s="7" t="s">
        <v>83</v>
      </c>
      <c r="C359" s="8">
        <v>0</v>
      </c>
      <c r="D359" s="8">
        <v>0</v>
      </c>
      <c r="E359" s="8">
        <v>1593</v>
      </c>
      <c r="F359" s="8">
        <v>1593</v>
      </c>
      <c r="G359" s="8">
        <v>1593</v>
      </c>
      <c r="H359" s="8">
        <v>1593</v>
      </c>
      <c r="I359" s="8">
        <v>0</v>
      </c>
      <c r="J359" s="8">
        <v>0</v>
      </c>
    </row>
    <row r="360" spans="2:10" ht="15" customHeight="1">
      <c r="B360" s="9" t="s">
        <v>77</v>
      </c>
      <c r="C360" s="10">
        <v>0</v>
      </c>
      <c r="D360" s="10">
        <v>0</v>
      </c>
      <c r="E360" s="10">
        <v>1593</v>
      </c>
      <c r="F360" s="10">
        <v>1593</v>
      </c>
      <c r="G360" s="10">
        <v>1593</v>
      </c>
      <c r="H360" s="10">
        <v>1593</v>
      </c>
      <c r="I360" s="10">
        <v>0</v>
      </c>
      <c r="J360" s="10">
        <v>0</v>
      </c>
    </row>
    <row r="361" spans="2:10" ht="15" customHeight="1">
      <c r="B361" s="9" t="s">
        <v>78</v>
      </c>
      <c r="C361" s="10">
        <v>0</v>
      </c>
      <c r="D361" s="10">
        <v>0</v>
      </c>
      <c r="E361" s="10">
        <v>0</v>
      </c>
      <c r="F361" s="10">
        <v>0</v>
      </c>
      <c r="G361" s="10">
        <v>0</v>
      </c>
      <c r="H361" s="10">
        <v>0</v>
      </c>
      <c r="I361" s="10">
        <v>0</v>
      </c>
      <c r="J361" s="10">
        <v>0</v>
      </c>
    </row>
    <row r="362" spans="2:10" ht="15" customHeight="1">
      <c r="B362" s="7" t="s">
        <v>84</v>
      </c>
      <c r="C362" s="8">
        <v>0</v>
      </c>
      <c r="D362" s="8">
        <v>0</v>
      </c>
      <c r="E362" s="8">
        <v>0</v>
      </c>
      <c r="F362" s="8">
        <v>0</v>
      </c>
      <c r="G362" s="8">
        <v>0</v>
      </c>
      <c r="H362" s="8">
        <v>0</v>
      </c>
      <c r="I362" s="8">
        <v>0</v>
      </c>
      <c r="J362" s="8">
        <v>0</v>
      </c>
    </row>
    <row r="363" spans="2:10" ht="15" customHeight="1">
      <c r="B363" s="16" t="s">
        <v>80</v>
      </c>
      <c r="C363" s="20">
        <v>0</v>
      </c>
      <c r="D363" s="20">
        <v>0</v>
      </c>
      <c r="E363" s="20">
        <v>0</v>
      </c>
      <c r="F363" s="20">
        <v>0</v>
      </c>
      <c r="G363" s="20">
        <v>0</v>
      </c>
      <c r="H363" s="20">
        <v>0</v>
      </c>
      <c r="I363" s="20">
        <v>0</v>
      </c>
      <c r="J363" s="20">
        <v>0</v>
      </c>
    </row>
    <row r="364" spans="2:10" ht="15" customHeight="1">
      <c r="B364" s="14" t="s">
        <v>83</v>
      </c>
      <c r="C364" s="21">
        <v>0</v>
      </c>
      <c r="D364" s="21">
        <v>0</v>
      </c>
      <c r="E364" s="21">
        <v>0</v>
      </c>
      <c r="F364" s="21">
        <v>0</v>
      </c>
      <c r="G364" s="21">
        <v>0</v>
      </c>
      <c r="H364" s="21">
        <v>0</v>
      </c>
      <c r="I364" s="21">
        <v>0</v>
      </c>
      <c r="J364" s="21">
        <v>0</v>
      </c>
    </row>
    <row r="365" spans="2:10" ht="15" customHeight="1">
      <c r="B365" s="14" t="s">
        <v>84</v>
      </c>
      <c r="C365" s="21">
        <v>0</v>
      </c>
      <c r="D365" s="21">
        <v>0</v>
      </c>
      <c r="E365" s="21">
        <v>0</v>
      </c>
      <c r="F365" s="21">
        <v>0</v>
      </c>
      <c r="G365" s="21">
        <v>0</v>
      </c>
      <c r="H365" s="21">
        <v>0</v>
      </c>
      <c r="I365" s="21">
        <v>0</v>
      </c>
      <c r="J365" s="21">
        <v>0</v>
      </c>
    </row>
    <row r="366" spans="2:10" ht="15" customHeight="1">
      <c r="B366" s="5" t="s">
        <v>59</v>
      </c>
      <c r="C366" s="6">
        <v>0</v>
      </c>
      <c r="D366" s="6">
        <v>0</v>
      </c>
      <c r="E366" s="6">
        <v>0</v>
      </c>
      <c r="F366" s="6">
        <v>0</v>
      </c>
      <c r="G366" s="6">
        <v>0</v>
      </c>
      <c r="H366" s="6">
        <v>0</v>
      </c>
      <c r="I366" s="6">
        <v>0</v>
      </c>
      <c r="J366" s="6">
        <v>0</v>
      </c>
    </row>
    <row r="367" spans="2:10" ht="15" customHeight="1">
      <c r="B367" s="16" t="s">
        <v>75</v>
      </c>
      <c r="C367" s="20">
        <v>0</v>
      </c>
      <c r="D367" s="20">
        <v>0</v>
      </c>
      <c r="E367" s="20">
        <v>0</v>
      </c>
      <c r="F367" s="20">
        <v>0</v>
      </c>
      <c r="G367" s="20">
        <v>0</v>
      </c>
      <c r="H367" s="20">
        <v>0</v>
      </c>
      <c r="I367" s="20">
        <v>0</v>
      </c>
      <c r="J367" s="20">
        <v>0</v>
      </c>
    </row>
    <row r="368" spans="2:10" ht="15" customHeight="1">
      <c r="B368" s="7" t="s">
        <v>83</v>
      </c>
      <c r="C368" s="8">
        <v>0</v>
      </c>
      <c r="D368" s="8">
        <v>0</v>
      </c>
      <c r="E368" s="8">
        <v>0</v>
      </c>
      <c r="F368" s="8">
        <v>0</v>
      </c>
      <c r="G368" s="8">
        <v>0</v>
      </c>
      <c r="H368" s="8">
        <v>0</v>
      </c>
      <c r="I368" s="8">
        <v>0</v>
      </c>
      <c r="J368" s="8">
        <v>0</v>
      </c>
    </row>
    <row r="369" spans="2:10" ht="15" customHeight="1">
      <c r="B369" s="9" t="s">
        <v>77</v>
      </c>
      <c r="C369" s="10">
        <v>0</v>
      </c>
      <c r="D369" s="10">
        <v>0</v>
      </c>
      <c r="E369" s="10">
        <v>0</v>
      </c>
      <c r="F369" s="10">
        <v>0</v>
      </c>
      <c r="G369" s="10">
        <v>0</v>
      </c>
      <c r="H369" s="10">
        <v>0</v>
      </c>
      <c r="I369" s="10">
        <v>0</v>
      </c>
      <c r="J369" s="10">
        <v>0</v>
      </c>
    </row>
    <row r="370" spans="2:10" ht="15" customHeight="1">
      <c r="B370" s="9" t="s">
        <v>78</v>
      </c>
      <c r="C370" s="10">
        <v>0</v>
      </c>
      <c r="D370" s="10">
        <v>0</v>
      </c>
      <c r="E370" s="10">
        <v>0</v>
      </c>
      <c r="F370" s="10">
        <v>0</v>
      </c>
      <c r="G370" s="10">
        <v>0</v>
      </c>
      <c r="H370" s="10">
        <v>0</v>
      </c>
      <c r="I370" s="10">
        <v>0</v>
      </c>
      <c r="J370" s="10">
        <v>0</v>
      </c>
    </row>
    <row r="371" spans="2:10" ht="15" customHeight="1">
      <c r="B371" s="7" t="s">
        <v>84</v>
      </c>
      <c r="C371" s="8">
        <v>0</v>
      </c>
      <c r="D371" s="8">
        <v>0</v>
      </c>
      <c r="E371" s="8">
        <v>0</v>
      </c>
      <c r="F371" s="8">
        <v>0</v>
      </c>
      <c r="G371" s="8">
        <v>0</v>
      </c>
      <c r="H371" s="8">
        <v>0</v>
      </c>
      <c r="I371" s="8">
        <v>0</v>
      </c>
      <c r="J371" s="8">
        <v>0</v>
      </c>
    </row>
    <row r="372" spans="2:10" ht="15" customHeight="1">
      <c r="B372" s="16" t="s">
        <v>80</v>
      </c>
      <c r="C372" s="20">
        <v>0</v>
      </c>
      <c r="D372" s="20">
        <v>0</v>
      </c>
      <c r="E372" s="20">
        <v>0</v>
      </c>
      <c r="F372" s="20">
        <v>0</v>
      </c>
      <c r="G372" s="20">
        <v>0</v>
      </c>
      <c r="H372" s="20">
        <v>0</v>
      </c>
      <c r="I372" s="20">
        <v>0</v>
      </c>
      <c r="J372" s="20">
        <v>0</v>
      </c>
    </row>
    <row r="373" spans="2:10" ht="15" customHeight="1">
      <c r="B373" s="14" t="s">
        <v>83</v>
      </c>
      <c r="C373" s="21">
        <v>0</v>
      </c>
      <c r="D373" s="21">
        <v>0</v>
      </c>
      <c r="E373" s="21">
        <v>0</v>
      </c>
      <c r="F373" s="21">
        <v>0</v>
      </c>
      <c r="G373" s="21">
        <v>0</v>
      </c>
      <c r="H373" s="21">
        <v>0</v>
      </c>
      <c r="I373" s="21">
        <v>0</v>
      </c>
      <c r="J373" s="21">
        <v>0</v>
      </c>
    </row>
    <row r="374" spans="2:10" ht="15" customHeight="1">
      <c r="B374" s="14" t="s">
        <v>84</v>
      </c>
      <c r="C374" s="21">
        <v>0</v>
      </c>
      <c r="D374" s="21">
        <v>0</v>
      </c>
      <c r="E374" s="21">
        <v>0</v>
      </c>
      <c r="F374" s="21">
        <v>0</v>
      </c>
      <c r="G374" s="21">
        <v>0</v>
      </c>
      <c r="H374" s="21">
        <v>0</v>
      </c>
      <c r="I374" s="21">
        <v>0</v>
      </c>
      <c r="J374" s="21">
        <v>0</v>
      </c>
    </row>
    <row r="375" spans="2:10" ht="15" customHeight="1">
      <c r="B375" s="5" t="s">
        <v>60</v>
      </c>
      <c r="C375" s="6">
        <v>178162</v>
      </c>
      <c r="D375" s="6">
        <v>500909</v>
      </c>
      <c r="E375" s="6">
        <v>442938</v>
      </c>
      <c r="F375" s="6">
        <v>1240875</v>
      </c>
      <c r="G375" s="6">
        <v>621100</v>
      </c>
      <c r="H375" s="6">
        <v>1741784</v>
      </c>
      <c r="I375" s="6">
        <v>3630</v>
      </c>
      <c r="J375" s="6">
        <v>3630</v>
      </c>
    </row>
    <row r="376" spans="2:10" ht="15" customHeight="1">
      <c r="B376" s="16" t="s">
        <v>75</v>
      </c>
      <c r="C376" s="20">
        <v>168662</v>
      </c>
      <c r="D376" s="20">
        <v>463634</v>
      </c>
      <c r="E376" s="20">
        <v>442938</v>
      </c>
      <c r="F376" s="20">
        <v>1218352</v>
      </c>
      <c r="G376" s="20">
        <v>611600</v>
      </c>
      <c r="H376" s="20">
        <v>1681986</v>
      </c>
      <c r="I376" s="20">
        <v>3630</v>
      </c>
      <c r="J376" s="20">
        <v>3630</v>
      </c>
    </row>
    <row r="377" spans="2:10" ht="15" customHeight="1">
      <c r="B377" s="7" t="s">
        <v>83</v>
      </c>
      <c r="C377" s="8">
        <v>168662</v>
      </c>
      <c r="D377" s="8">
        <v>463634</v>
      </c>
      <c r="E377" s="8">
        <v>442938</v>
      </c>
      <c r="F377" s="8">
        <v>1218352</v>
      </c>
      <c r="G377" s="8">
        <v>611600</v>
      </c>
      <c r="H377" s="8">
        <v>1681986</v>
      </c>
      <c r="I377" s="8">
        <v>0</v>
      </c>
      <c r="J377" s="8">
        <v>0</v>
      </c>
    </row>
    <row r="378" spans="2:10" ht="15" customHeight="1">
      <c r="B378" s="9" t="s">
        <v>77</v>
      </c>
      <c r="C378" s="10">
        <v>168662</v>
      </c>
      <c r="D378" s="10">
        <v>463634</v>
      </c>
      <c r="E378" s="10">
        <v>442938</v>
      </c>
      <c r="F378" s="10">
        <v>1218352</v>
      </c>
      <c r="G378" s="10">
        <v>611600</v>
      </c>
      <c r="H378" s="10">
        <v>1681986</v>
      </c>
      <c r="I378" s="10">
        <v>0</v>
      </c>
      <c r="J378" s="10">
        <v>0</v>
      </c>
    </row>
    <row r="379" spans="2:10" ht="15" customHeight="1">
      <c r="B379" s="9" t="s">
        <v>78</v>
      </c>
      <c r="C379" s="10">
        <v>0</v>
      </c>
      <c r="D379" s="10">
        <v>0</v>
      </c>
      <c r="E379" s="10">
        <v>0</v>
      </c>
      <c r="F379" s="10">
        <v>0</v>
      </c>
      <c r="G379" s="10">
        <v>0</v>
      </c>
      <c r="H379" s="10">
        <v>0</v>
      </c>
      <c r="I379" s="10">
        <v>0</v>
      </c>
      <c r="J379" s="10">
        <v>0</v>
      </c>
    </row>
    <row r="380" spans="2:10" ht="15" customHeight="1">
      <c r="B380" s="7" t="s">
        <v>84</v>
      </c>
      <c r="C380" s="8">
        <v>0</v>
      </c>
      <c r="D380" s="8">
        <v>0</v>
      </c>
      <c r="E380" s="8">
        <v>0</v>
      </c>
      <c r="F380" s="8">
        <v>0</v>
      </c>
      <c r="G380" s="8">
        <v>0</v>
      </c>
      <c r="H380" s="8">
        <v>0</v>
      </c>
      <c r="I380" s="8">
        <v>3630</v>
      </c>
      <c r="J380" s="8">
        <v>3630</v>
      </c>
    </row>
    <row r="381" spans="2:10" ht="15" customHeight="1">
      <c r="B381" s="16" t="s">
        <v>80</v>
      </c>
      <c r="C381" s="20">
        <v>9500</v>
      </c>
      <c r="D381" s="20">
        <v>37275</v>
      </c>
      <c r="E381" s="20">
        <v>0</v>
      </c>
      <c r="F381" s="20">
        <v>22523</v>
      </c>
      <c r="G381" s="20">
        <v>9500</v>
      </c>
      <c r="H381" s="20">
        <v>59798</v>
      </c>
      <c r="I381" s="20">
        <v>0</v>
      </c>
      <c r="J381" s="20">
        <v>0</v>
      </c>
    </row>
    <row r="382" spans="2:10" ht="15" customHeight="1">
      <c r="B382" s="14" t="s">
        <v>83</v>
      </c>
      <c r="C382" s="21">
        <v>9500</v>
      </c>
      <c r="D382" s="21">
        <v>37275</v>
      </c>
      <c r="E382" s="21">
        <v>0</v>
      </c>
      <c r="F382" s="21">
        <v>22523</v>
      </c>
      <c r="G382" s="21">
        <v>9500</v>
      </c>
      <c r="H382" s="21">
        <v>59798</v>
      </c>
      <c r="I382" s="21">
        <v>0</v>
      </c>
      <c r="J382" s="21">
        <v>0</v>
      </c>
    </row>
    <row r="383" spans="2:10" ht="15" customHeight="1">
      <c r="B383" s="14" t="s">
        <v>84</v>
      </c>
      <c r="C383" s="21">
        <v>0</v>
      </c>
      <c r="D383" s="21">
        <v>0</v>
      </c>
      <c r="E383" s="21">
        <v>0</v>
      </c>
      <c r="F383" s="21">
        <v>0</v>
      </c>
      <c r="G383" s="21">
        <v>0</v>
      </c>
      <c r="H383" s="21">
        <v>0</v>
      </c>
      <c r="I383" s="21">
        <v>0</v>
      </c>
      <c r="J383" s="21">
        <v>0</v>
      </c>
    </row>
    <row r="384" spans="2:10" ht="15" customHeight="1">
      <c r="B384" s="5" t="s">
        <v>61</v>
      </c>
      <c r="C384" s="6">
        <v>0</v>
      </c>
      <c r="D384" s="6">
        <v>0</v>
      </c>
      <c r="E384" s="6">
        <v>0</v>
      </c>
      <c r="F384" s="6">
        <v>0</v>
      </c>
      <c r="G384" s="6">
        <v>0</v>
      </c>
      <c r="H384" s="6">
        <v>0</v>
      </c>
      <c r="I384" s="6">
        <v>0</v>
      </c>
      <c r="J384" s="6">
        <v>0</v>
      </c>
    </row>
    <row r="385" spans="2:10" ht="15" customHeight="1">
      <c r="B385" s="16" t="s">
        <v>75</v>
      </c>
      <c r="C385" s="20">
        <v>0</v>
      </c>
      <c r="D385" s="20">
        <v>0</v>
      </c>
      <c r="E385" s="20">
        <v>0</v>
      </c>
      <c r="F385" s="20">
        <v>0</v>
      </c>
      <c r="G385" s="20">
        <v>0</v>
      </c>
      <c r="H385" s="20">
        <v>0</v>
      </c>
      <c r="I385" s="20">
        <v>0</v>
      </c>
      <c r="J385" s="20">
        <v>0</v>
      </c>
    </row>
    <row r="386" spans="2:10" ht="15" customHeight="1">
      <c r="B386" s="7" t="s">
        <v>83</v>
      </c>
      <c r="C386" s="8">
        <v>0</v>
      </c>
      <c r="D386" s="8">
        <v>0</v>
      </c>
      <c r="E386" s="8">
        <v>0</v>
      </c>
      <c r="F386" s="8">
        <v>0</v>
      </c>
      <c r="G386" s="8">
        <v>0</v>
      </c>
      <c r="H386" s="8">
        <v>0</v>
      </c>
      <c r="I386" s="8">
        <v>0</v>
      </c>
      <c r="J386" s="8">
        <v>0</v>
      </c>
    </row>
    <row r="387" spans="2:10" ht="15" customHeight="1">
      <c r="B387" s="9" t="s">
        <v>77</v>
      </c>
      <c r="C387" s="10">
        <v>0</v>
      </c>
      <c r="D387" s="10">
        <v>0</v>
      </c>
      <c r="E387" s="10">
        <v>0</v>
      </c>
      <c r="F387" s="10">
        <v>0</v>
      </c>
      <c r="G387" s="10">
        <v>0</v>
      </c>
      <c r="H387" s="10">
        <v>0</v>
      </c>
      <c r="I387" s="10">
        <v>0</v>
      </c>
      <c r="J387" s="10">
        <v>0</v>
      </c>
    </row>
    <row r="388" spans="2:10" ht="15" customHeight="1">
      <c r="B388" s="9" t="s">
        <v>78</v>
      </c>
      <c r="C388" s="10">
        <v>0</v>
      </c>
      <c r="D388" s="10">
        <v>0</v>
      </c>
      <c r="E388" s="10">
        <v>0</v>
      </c>
      <c r="F388" s="10">
        <v>0</v>
      </c>
      <c r="G388" s="10">
        <v>0</v>
      </c>
      <c r="H388" s="10">
        <v>0</v>
      </c>
      <c r="I388" s="10">
        <v>0</v>
      </c>
      <c r="J388" s="10">
        <v>0</v>
      </c>
    </row>
    <row r="389" spans="2:10" ht="15" customHeight="1">
      <c r="B389" s="7" t="s">
        <v>84</v>
      </c>
      <c r="C389" s="8">
        <v>0</v>
      </c>
      <c r="D389" s="8">
        <v>0</v>
      </c>
      <c r="E389" s="8">
        <v>0</v>
      </c>
      <c r="F389" s="8">
        <v>0</v>
      </c>
      <c r="G389" s="8">
        <v>0</v>
      </c>
      <c r="H389" s="8">
        <v>0</v>
      </c>
      <c r="I389" s="8">
        <v>0</v>
      </c>
      <c r="J389" s="8">
        <v>0</v>
      </c>
    </row>
    <row r="390" spans="2:10" ht="15" customHeight="1">
      <c r="B390" s="16" t="s">
        <v>80</v>
      </c>
      <c r="C390" s="20">
        <v>0</v>
      </c>
      <c r="D390" s="20">
        <v>0</v>
      </c>
      <c r="E390" s="20">
        <v>0</v>
      </c>
      <c r="F390" s="20">
        <v>0</v>
      </c>
      <c r="G390" s="20">
        <v>0</v>
      </c>
      <c r="H390" s="20">
        <v>0</v>
      </c>
      <c r="I390" s="20">
        <v>0</v>
      </c>
      <c r="J390" s="20">
        <v>0</v>
      </c>
    </row>
    <row r="391" spans="2:10" ht="15" customHeight="1">
      <c r="B391" s="14" t="s">
        <v>83</v>
      </c>
      <c r="C391" s="21">
        <v>0</v>
      </c>
      <c r="D391" s="21">
        <v>0</v>
      </c>
      <c r="E391" s="21">
        <v>0</v>
      </c>
      <c r="F391" s="21">
        <v>0</v>
      </c>
      <c r="G391" s="21">
        <v>0</v>
      </c>
      <c r="H391" s="21">
        <v>0</v>
      </c>
      <c r="I391" s="21">
        <v>0</v>
      </c>
      <c r="J391" s="21">
        <v>0</v>
      </c>
    </row>
    <row r="392" spans="2:10" ht="15" customHeight="1">
      <c r="B392" s="14" t="s">
        <v>84</v>
      </c>
      <c r="C392" s="21">
        <v>0</v>
      </c>
      <c r="D392" s="21">
        <v>0</v>
      </c>
      <c r="E392" s="21">
        <v>0</v>
      </c>
      <c r="F392" s="21">
        <v>0</v>
      </c>
      <c r="G392" s="21">
        <v>0</v>
      </c>
      <c r="H392" s="21">
        <v>0</v>
      </c>
      <c r="I392" s="21">
        <v>0</v>
      </c>
      <c r="J392" s="21">
        <v>0</v>
      </c>
    </row>
    <row r="393" spans="2:10" ht="15" customHeight="1">
      <c r="B393" s="5" t="s">
        <v>62</v>
      </c>
      <c r="C393" s="6">
        <v>0</v>
      </c>
      <c r="D393" s="6">
        <v>0</v>
      </c>
      <c r="E393" s="6">
        <v>0</v>
      </c>
      <c r="F393" s="6">
        <v>0</v>
      </c>
      <c r="G393" s="6">
        <v>0</v>
      </c>
      <c r="H393" s="6">
        <v>0</v>
      </c>
      <c r="I393" s="6">
        <v>0</v>
      </c>
      <c r="J393" s="6">
        <v>0</v>
      </c>
    </row>
    <row r="394" spans="2:10" ht="15" customHeight="1">
      <c r="B394" s="16" t="s">
        <v>75</v>
      </c>
      <c r="C394" s="20">
        <v>0</v>
      </c>
      <c r="D394" s="20">
        <v>0</v>
      </c>
      <c r="E394" s="20">
        <v>0</v>
      </c>
      <c r="F394" s="20">
        <v>0</v>
      </c>
      <c r="G394" s="20">
        <v>0</v>
      </c>
      <c r="H394" s="20">
        <v>0</v>
      </c>
      <c r="I394" s="20">
        <v>0</v>
      </c>
      <c r="J394" s="20">
        <v>0</v>
      </c>
    </row>
    <row r="395" spans="2:10" ht="15" customHeight="1">
      <c r="B395" s="7" t="s">
        <v>83</v>
      </c>
      <c r="C395" s="8">
        <v>0</v>
      </c>
      <c r="D395" s="8">
        <v>0</v>
      </c>
      <c r="E395" s="8">
        <v>0</v>
      </c>
      <c r="F395" s="8">
        <v>0</v>
      </c>
      <c r="G395" s="8">
        <v>0</v>
      </c>
      <c r="H395" s="8">
        <v>0</v>
      </c>
      <c r="I395" s="8">
        <v>0</v>
      </c>
      <c r="J395" s="8">
        <v>0</v>
      </c>
    </row>
    <row r="396" spans="2:10" ht="15" customHeight="1">
      <c r="B396" s="9" t="s">
        <v>77</v>
      </c>
      <c r="C396" s="10">
        <v>0</v>
      </c>
      <c r="D396" s="10">
        <v>0</v>
      </c>
      <c r="E396" s="10">
        <v>0</v>
      </c>
      <c r="F396" s="10">
        <v>0</v>
      </c>
      <c r="G396" s="10">
        <v>0</v>
      </c>
      <c r="H396" s="10">
        <v>0</v>
      </c>
      <c r="I396" s="10">
        <v>0</v>
      </c>
      <c r="J396" s="10">
        <v>0</v>
      </c>
    </row>
    <row r="397" spans="2:10" ht="15" customHeight="1">
      <c r="B397" s="9" t="s">
        <v>78</v>
      </c>
      <c r="C397" s="10">
        <v>0</v>
      </c>
      <c r="D397" s="10">
        <v>0</v>
      </c>
      <c r="E397" s="10">
        <v>0</v>
      </c>
      <c r="F397" s="10">
        <v>0</v>
      </c>
      <c r="G397" s="10">
        <v>0</v>
      </c>
      <c r="H397" s="10">
        <v>0</v>
      </c>
      <c r="I397" s="10">
        <v>0</v>
      </c>
      <c r="J397" s="10">
        <v>0</v>
      </c>
    </row>
    <row r="398" spans="2:10" ht="15" customHeight="1">
      <c r="B398" s="7" t="s">
        <v>84</v>
      </c>
      <c r="C398" s="8">
        <v>0</v>
      </c>
      <c r="D398" s="8">
        <v>0</v>
      </c>
      <c r="E398" s="8">
        <v>0</v>
      </c>
      <c r="F398" s="8">
        <v>0</v>
      </c>
      <c r="G398" s="8">
        <v>0</v>
      </c>
      <c r="H398" s="8">
        <v>0</v>
      </c>
      <c r="I398" s="8">
        <v>0</v>
      </c>
      <c r="J398" s="8">
        <v>0</v>
      </c>
    </row>
    <row r="399" spans="2:10" ht="15" customHeight="1">
      <c r="B399" s="16" t="s">
        <v>80</v>
      </c>
      <c r="C399" s="20">
        <v>0</v>
      </c>
      <c r="D399" s="20">
        <v>0</v>
      </c>
      <c r="E399" s="20">
        <v>0</v>
      </c>
      <c r="F399" s="20">
        <v>0</v>
      </c>
      <c r="G399" s="20">
        <v>0</v>
      </c>
      <c r="H399" s="20">
        <v>0</v>
      </c>
      <c r="I399" s="20">
        <v>0</v>
      </c>
      <c r="J399" s="20">
        <v>0</v>
      </c>
    </row>
    <row r="400" spans="2:10" ht="15" customHeight="1">
      <c r="B400" s="14" t="s">
        <v>83</v>
      </c>
      <c r="C400" s="21">
        <v>0</v>
      </c>
      <c r="D400" s="21">
        <v>0</v>
      </c>
      <c r="E400" s="21">
        <v>0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</row>
    <row r="401" spans="2:10" ht="15" customHeight="1">
      <c r="B401" s="14" t="s">
        <v>84</v>
      </c>
      <c r="C401" s="21">
        <v>0</v>
      </c>
      <c r="D401" s="21">
        <v>0</v>
      </c>
      <c r="E401" s="21">
        <v>0</v>
      </c>
      <c r="F401" s="21">
        <v>0</v>
      </c>
      <c r="G401" s="21">
        <v>0</v>
      </c>
      <c r="H401" s="21">
        <v>0</v>
      </c>
      <c r="I401" s="21">
        <v>0</v>
      </c>
      <c r="J401" s="21">
        <v>0</v>
      </c>
    </row>
    <row r="402" spans="2:10" ht="15" customHeight="1">
      <c r="B402" s="5" t="s">
        <v>88</v>
      </c>
      <c r="C402" s="6">
        <v>47843</v>
      </c>
      <c r="D402" s="6">
        <v>142224</v>
      </c>
      <c r="E402" s="6">
        <v>185514</v>
      </c>
      <c r="F402" s="6">
        <v>493324</v>
      </c>
      <c r="G402" s="6">
        <v>233357</v>
      </c>
      <c r="H402" s="6">
        <v>635548</v>
      </c>
      <c r="I402" s="6">
        <v>0</v>
      </c>
      <c r="J402" s="6">
        <v>0</v>
      </c>
    </row>
    <row r="403" spans="2:10" ht="15" customHeight="1">
      <c r="B403" s="16" t="s">
        <v>75</v>
      </c>
      <c r="C403" s="20">
        <v>0</v>
      </c>
      <c r="D403" s="20">
        <v>405</v>
      </c>
      <c r="E403" s="20">
        <v>0</v>
      </c>
      <c r="F403" s="20">
        <v>0</v>
      </c>
      <c r="G403" s="20">
        <v>0</v>
      </c>
      <c r="H403" s="20">
        <v>405</v>
      </c>
      <c r="I403" s="20">
        <v>0</v>
      </c>
      <c r="J403" s="20">
        <v>0</v>
      </c>
    </row>
    <row r="404" spans="2:10" ht="15" customHeight="1">
      <c r="B404" s="7" t="s">
        <v>83</v>
      </c>
      <c r="C404" s="8">
        <v>0</v>
      </c>
      <c r="D404" s="8">
        <v>405</v>
      </c>
      <c r="E404" s="8">
        <v>0</v>
      </c>
      <c r="F404" s="8">
        <v>0</v>
      </c>
      <c r="G404" s="8">
        <v>0</v>
      </c>
      <c r="H404" s="8">
        <v>405</v>
      </c>
      <c r="I404" s="8">
        <v>0</v>
      </c>
      <c r="J404" s="8">
        <v>0</v>
      </c>
    </row>
    <row r="405" spans="2:10" ht="15" customHeight="1">
      <c r="B405" s="9" t="s">
        <v>77</v>
      </c>
      <c r="C405" s="10">
        <v>0</v>
      </c>
      <c r="D405" s="10">
        <v>0</v>
      </c>
      <c r="E405" s="10">
        <v>0</v>
      </c>
      <c r="F405" s="10">
        <v>0</v>
      </c>
      <c r="G405" s="10">
        <v>0</v>
      </c>
      <c r="H405" s="10">
        <v>0</v>
      </c>
      <c r="I405" s="10">
        <v>0</v>
      </c>
      <c r="J405" s="10">
        <v>0</v>
      </c>
    </row>
    <row r="406" spans="2:10" ht="15" customHeight="1">
      <c r="B406" s="9" t="s">
        <v>78</v>
      </c>
      <c r="C406" s="10">
        <v>0</v>
      </c>
      <c r="D406" s="10">
        <v>405</v>
      </c>
      <c r="E406" s="10">
        <v>0</v>
      </c>
      <c r="F406" s="10">
        <v>0</v>
      </c>
      <c r="G406" s="10">
        <v>0</v>
      </c>
      <c r="H406" s="10">
        <v>405</v>
      </c>
      <c r="I406" s="10">
        <v>0</v>
      </c>
      <c r="J406" s="10">
        <v>0</v>
      </c>
    </row>
    <row r="407" spans="2:10" ht="15" customHeight="1">
      <c r="B407" s="7" t="s">
        <v>84</v>
      </c>
      <c r="C407" s="8">
        <v>0</v>
      </c>
      <c r="D407" s="8">
        <v>0</v>
      </c>
      <c r="E407" s="8">
        <v>0</v>
      </c>
      <c r="F407" s="8">
        <v>0</v>
      </c>
      <c r="G407" s="8">
        <v>0</v>
      </c>
      <c r="H407" s="8">
        <v>0</v>
      </c>
      <c r="I407" s="8">
        <v>0</v>
      </c>
      <c r="J407" s="8">
        <v>0</v>
      </c>
    </row>
    <row r="408" spans="2:10" ht="15" customHeight="1">
      <c r="B408" s="16" t="s">
        <v>80</v>
      </c>
      <c r="C408" s="20">
        <v>47843</v>
      </c>
      <c r="D408" s="20">
        <v>141819</v>
      </c>
      <c r="E408" s="20">
        <v>185514</v>
      </c>
      <c r="F408" s="20">
        <v>493324</v>
      </c>
      <c r="G408" s="20">
        <v>233357</v>
      </c>
      <c r="H408" s="20">
        <v>635143</v>
      </c>
      <c r="I408" s="20">
        <v>0</v>
      </c>
      <c r="J408" s="20">
        <v>0</v>
      </c>
    </row>
    <row r="409" spans="2:10" ht="15" customHeight="1">
      <c r="B409" s="14" t="s">
        <v>83</v>
      </c>
      <c r="C409" s="21">
        <v>47843</v>
      </c>
      <c r="D409" s="21">
        <v>141819</v>
      </c>
      <c r="E409" s="21">
        <v>185514</v>
      </c>
      <c r="F409" s="21">
        <v>493324</v>
      </c>
      <c r="G409" s="21">
        <v>233357</v>
      </c>
      <c r="H409" s="21">
        <v>635143</v>
      </c>
      <c r="I409" s="21">
        <v>0</v>
      </c>
      <c r="J409" s="21">
        <v>0</v>
      </c>
    </row>
    <row r="410" spans="2:10" ht="15" customHeight="1">
      <c r="B410" s="14" t="s">
        <v>84</v>
      </c>
      <c r="C410" s="21">
        <v>0</v>
      </c>
      <c r="D410" s="21">
        <v>0</v>
      </c>
      <c r="E410" s="21">
        <v>0</v>
      </c>
      <c r="F410" s="21">
        <v>0</v>
      </c>
      <c r="G410" s="21">
        <v>0</v>
      </c>
      <c r="H410" s="21">
        <v>0</v>
      </c>
      <c r="I410" s="21">
        <v>0</v>
      </c>
      <c r="J410" s="21">
        <v>0</v>
      </c>
    </row>
    <row r="411" spans="2:10" ht="15" customHeight="1">
      <c r="B411" s="5" t="s">
        <v>63</v>
      </c>
      <c r="C411" s="6">
        <v>10570</v>
      </c>
      <c r="D411" s="6">
        <v>18520</v>
      </c>
      <c r="E411" s="6">
        <v>15050</v>
      </c>
      <c r="F411" s="6">
        <v>25620</v>
      </c>
      <c r="G411" s="6">
        <v>25620</v>
      </c>
      <c r="H411" s="6">
        <v>44140</v>
      </c>
      <c r="I411" s="6">
        <v>0</v>
      </c>
      <c r="J411" s="6">
        <v>0</v>
      </c>
    </row>
    <row r="412" spans="2:10" ht="15" customHeight="1">
      <c r="B412" s="16" t="s">
        <v>75</v>
      </c>
      <c r="C412" s="20">
        <v>0</v>
      </c>
      <c r="D412" s="20">
        <v>0</v>
      </c>
      <c r="E412" s="20">
        <v>0</v>
      </c>
      <c r="F412" s="20">
        <v>0</v>
      </c>
      <c r="G412" s="20">
        <v>0</v>
      </c>
      <c r="H412" s="20">
        <v>0</v>
      </c>
      <c r="I412" s="20">
        <v>0</v>
      </c>
      <c r="J412" s="20">
        <v>0</v>
      </c>
    </row>
    <row r="413" spans="2:10" ht="15" customHeight="1">
      <c r="B413" s="7" t="s">
        <v>83</v>
      </c>
      <c r="C413" s="8">
        <v>0</v>
      </c>
      <c r="D413" s="8">
        <v>0</v>
      </c>
      <c r="E413" s="8">
        <v>0</v>
      </c>
      <c r="F413" s="8">
        <v>0</v>
      </c>
      <c r="G413" s="8">
        <v>0</v>
      </c>
      <c r="H413" s="8">
        <v>0</v>
      </c>
      <c r="I413" s="8">
        <v>0</v>
      </c>
      <c r="J413" s="8">
        <v>0</v>
      </c>
    </row>
    <row r="414" spans="2:10" ht="15" customHeight="1">
      <c r="B414" s="9" t="s">
        <v>77</v>
      </c>
      <c r="C414" s="10">
        <v>0</v>
      </c>
      <c r="D414" s="10">
        <v>0</v>
      </c>
      <c r="E414" s="10">
        <v>0</v>
      </c>
      <c r="F414" s="10">
        <v>0</v>
      </c>
      <c r="G414" s="10">
        <v>0</v>
      </c>
      <c r="H414" s="10">
        <v>0</v>
      </c>
      <c r="I414" s="10">
        <v>0</v>
      </c>
      <c r="J414" s="10">
        <v>0</v>
      </c>
    </row>
    <row r="415" spans="2:10" ht="15" customHeight="1">
      <c r="B415" s="9" t="s">
        <v>78</v>
      </c>
      <c r="C415" s="10">
        <v>0</v>
      </c>
      <c r="D415" s="10">
        <v>0</v>
      </c>
      <c r="E415" s="10">
        <v>0</v>
      </c>
      <c r="F415" s="10">
        <v>0</v>
      </c>
      <c r="G415" s="10">
        <v>0</v>
      </c>
      <c r="H415" s="10">
        <v>0</v>
      </c>
      <c r="I415" s="10">
        <v>0</v>
      </c>
      <c r="J415" s="10">
        <v>0</v>
      </c>
    </row>
    <row r="416" spans="2:10" ht="15" customHeight="1">
      <c r="B416" s="7" t="s">
        <v>84</v>
      </c>
      <c r="C416" s="8">
        <v>0</v>
      </c>
      <c r="D416" s="8">
        <v>0</v>
      </c>
      <c r="E416" s="8">
        <v>0</v>
      </c>
      <c r="F416" s="8">
        <v>0</v>
      </c>
      <c r="G416" s="8">
        <v>0</v>
      </c>
      <c r="H416" s="8">
        <v>0</v>
      </c>
      <c r="I416" s="8">
        <v>0</v>
      </c>
      <c r="J416" s="8">
        <v>0</v>
      </c>
    </row>
    <row r="417" spans="2:10" ht="15" customHeight="1">
      <c r="B417" s="16" t="s">
        <v>80</v>
      </c>
      <c r="C417" s="20">
        <v>10570</v>
      </c>
      <c r="D417" s="20">
        <v>18520</v>
      </c>
      <c r="E417" s="20">
        <v>15050</v>
      </c>
      <c r="F417" s="20">
        <v>25620</v>
      </c>
      <c r="G417" s="20">
        <v>25620</v>
      </c>
      <c r="H417" s="20">
        <v>44140</v>
      </c>
      <c r="I417" s="20">
        <v>0</v>
      </c>
      <c r="J417" s="20">
        <v>0</v>
      </c>
    </row>
    <row r="418" spans="2:10" ht="15" customHeight="1">
      <c r="B418" s="14" t="s">
        <v>83</v>
      </c>
      <c r="C418" s="21">
        <v>10570</v>
      </c>
      <c r="D418" s="21">
        <v>18520</v>
      </c>
      <c r="E418" s="21">
        <v>15050</v>
      </c>
      <c r="F418" s="21">
        <v>25620</v>
      </c>
      <c r="G418" s="21">
        <v>25620</v>
      </c>
      <c r="H418" s="21">
        <v>44140</v>
      </c>
      <c r="I418" s="21">
        <v>0</v>
      </c>
      <c r="J418" s="21">
        <v>0</v>
      </c>
    </row>
    <row r="419" spans="2:10" ht="15" customHeight="1">
      <c r="B419" s="14" t="s">
        <v>84</v>
      </c>
      <c r="C419" s="21">
        <v>0</v>
      </c>
      <c r="D419" s="21">
        <v>0</v>
      </c>
      <c r="E419" s="21">
        <v>0</v>
      </c>
      <c r="F419" s="21">
        <v>0</v>
      </c>
      <c r="G419" s="21">
        <v>0</v>
      </c>
      <c r="H419" s="21">
        <v>0</v>
      </c>
      <c r="I419" s="21">
        <v>0</v>
      </c>
      <c r="J419" s="21">
        <v>0</v>
      </c>
    </row>
    <row r="420" spans="2:10" ht="15" customHeight="1">
      <c r="B420" s="5" t="s">
        <v>64</v>
      </c>
      <c r="C420" s="6">
        <v>0</v>
      </c>
      <c r="D420" s="6">
        <v>0</v>
      </c>
      <c r="E420" s="6">
        <v>0</v>
      </c>
      <c r="F420" s="6">
        <v>0</v>
      </c>
      <c r="G420" s="6">
        <v>0</v>
      </c>
      <c r="H420" s="6">
        <v>0</v>
      </c>
      <c r="I420" s="6">
        <v>0</v>
      </c>
      <c r="J420" s="6">
        <v>0</v>
      </c>
    </row>
    <row r="421" spans="2:10" ht="15" customHeight="1">
      <c r="B421" s="16" t="s">
        <v>75</v>
      </c>
      <c r="C421" s="20">
        <v>0</v>
      </c>
      <c r="D421" s="20">
        <v>0</v>
      </c>
      <c r="E421" s="20">
        <v>0</v>
      </c>
      <c r="F421" s="20">
        <v>0</v>
      </c>
      <c r="G421" s="20">
        <v>0</v>
      </c>
      <c r="H421" s="20">
        <v>0</v>
      </c>
      <c r="I421" s="20">
        <v>0</v>
      </c>
      <c r="J421" s="20">
        <v>0</v>
      </c>
    </row>
    <row r="422" spans="2:10" ht="15" customHeight="1">
      <c r="B422" s="7" t="s">
        <v>83</v>
      </c>
      <c r="C422" s="8">
        <v>0</v>
      </c>
      <c r="D422" s="8">
        <v>0</v>
      </c>
      <c r="E422" s="8">
        <v>0</v>
      </c>
      <c r="F422" s="8">
        <v>0</v>
      </c>
      <c r="G422" s="8">
        <v>0</v>
      </c>
      <c r="H422" s="8">
        <v>0</v>
      </c>
      <c r="I422" s="8">
        <v>0</v>
      </c>
      <c r="J422" s="8">
        <v>0</v>
      </c>
    </row>
    <row r="423" spans="2:10" ht="15" customHeight="1">
      <c r="B423" s="9" t="s">
        <v>77</v>
      </c>
      <c r="C423" s="10">
        <v>0</v>
      </c>
      <c r="D423" s="10">
        <v>0</v>
      </c>
      <c r="E423" s="10">
        <v>0</v>
      </c>
      <c r="F423" s="10">
        <v>0</v>
      </c>
      <c r="G423" s="10">
        <v>0</v>
      </c>
      <c r="H423" s="10">
        <v>0</v>
      </c>
      <c r="I423" s="10">
        <v>0</v>
      </c>
      <c r="J423" s="10">
        <v>0</v>
      </c>
    </row>
    <row r="424" spans="2:10" ht="15" customHeight="1">
      <c r="B424" s="9" t="s">
        <v>78</v>
      </c>
      <c r="C424" s="10">
        <v>0</v>
      </c>
      <c r="D424" s="10">
        <v>0</v>
      </c>
      <c r="E424" s="10">
        <v>0</v>
      </c>
      <c r="F424" s="10">
        <v>0</v>
      </c>
      <c r="G424" s="10">
        <v>0</v>
      </c>
      <c r="H424" s="10">
        <v>0</v>
      </c>
      <c r="I424" s="10">
        <v>0</v>
      </c>
      <c r="J424" s="10">
        <v>0</v>
      </c>
    </row>
    <row r="425" spans="2:10" ht="15" customHeight="1">
      <c r="B425" s="7" t="s">
        <v>84</v>
      </c>
      <c r="C425" s="8">
        <v>0</v>
      </c>
      <c r="D425" s="8">
        <v>0</v>
      </c>
      <c r="E425" s="8">
        <v>0</v>
      </c>
      <c r="F425" s="8">
        <v>0</v>
      </c>
      <c r="G425" s="8">
        <v>0</v>
      </c>
      <c r="H425" s="8">
        <v>0</v>
      </c>
      <c r="I425" s="8">
        <v>0</v>
      </c>
      <c r="J425" s="8">
        <v>0</v>
      </c>
    </row>
    <row r="426" spans="2:10" ht="15" customHeight="1">
      <c r="B426" s="16" t="s">
        <v>80</v>
      </c>
      <c r="C426" s="20">
        <v>0</v>
      </c>
      <c r="D426" s="20">
        <v>0</v>
      </c>
      <c r="E426" s="20">
        <v>0</v>
      </c>
      <c r="F426" s="20">
        <v>0</v>
      </c>
      <c r="G426" s="20">
        <v>0</v>
      </c>
      <c r="H426" s="20">
        <v>0</v>
      </c>
      <c r="I426" s="20">
        <v>0</v>
      </c>
      <c r="J426" s="20">
        <v>0</v>
      </c>
    </row>
    <row r="427" spans="2:10" ht="15" customHeight="1">
      <c r="B427" s="14" t="s">
        <v>83</v>
      </c>
      <c r="C427" s="21">
        <v>0</v>
      </c>
      <c r="D427" s="21">
        <v>0</v>
      </c>
      <c r="E427" s="21">
        <v>0</v>
      </c>
      <c r="F427" s="21">
        <v>0</v>
      </c>
      <c r="G427" s="21">
        <v>0</v>
      </c>
      <c r="H427" s="21">
        <v>0</v>
      </c>
      <c r="I427" s="21">
        <v>0</v>
      </c>
      <c r="J427" s="21">
        <v>0</v>
      </c>
    </row>
    <row r="428" spans="2:10" ht="15" customHeight="1">
      <c r="B428" s="14" t="s">
        <v>84</v>
      </c>
      <c r="C428" s="21">
        <v>0</v>
      </c>
      <c r="D428" s="21">
        <v>0</v>
      </c>
      <c r="E428" s="21">
        <v>0</v>
      </c>
      <c r="F428" s="21">
        <v>0</v>
      </c>
      <c r="G428" s="21">
        <v>0</v>
      </c>
      <c r="H428" s="21">
        <v>0</v>
      </c>
      <c r="I428" s="21">
        <v>0</v>
      </c>
      <c r="J428" s="21">
        <v>0</v>
      </c>
    </row>
    <row r="429" spans="2:10" ht="15" customHeight="1">
      <c r="B429" s="5" t="s">
        <v>65</v>
      </c>
      <c r="C429" s="6">
        <v>22034</v>
      </c>
      <c r="D429" s="6">
        <v>54032</v>
      </c>
      <c r="E429" s="6">
        <v>106528</v>
      </c>
      <c r="F429" s="6">
        <v>230963</v>
      </c>
      <c r="G429" s="6">
        <v>128562</v>
      </c>
      <c r="H429" s="6">
        <v>284995</v>
      </c>
      <c r="I429" s="6">
        <v>212732</v>
      </c>
      <c r="J429" s="6">
        <v>540500</v>
      </c>
    </row>
    <row r="430" spans="2:10" ht="15" customHeight="1">
      <c r="B430" s="16" t="s">
        <v>75</v>
      </c>
      <c r="C430" s="20">
        <v>22034</v>
      </c>
      <c r="D430" s="20">
        <v>54032</v>
      </c>
      <c r="E430" s="20">
        <v>106528</v>
      </c>
      <c r="F430" s="20">
        <v>229410</v>
      </c>
      <c r="G430" s="20">
        <v>128562</v>
      </c>
      <c r="H430" s="20">
        <v>283442</v>
      </c>
      <c r="I430" s="20">
        <v>212732</v>
      </c>
      <c r="J430" s="20">
        <v>538900</v>
      </c>
    </row>
    <row r="431" spans="2:10" ht="15" customHeight="1">
      <c r="B431" s="7" t="s">
        <v>83</v>
      </c>
      <c r="C431" s="8">
        <v>22034</v>
      </c>
      <c r="D431" s="8">
        <v>54032</v>
      </c>
      <c r="E431" s="8">
        <v>106528</v>
      </c>
      <c r="F431" s="8">
        <v>229410</v>
      </c>
      <c r="G431" s="8">
        <v>128562</v>
      </c>
      <c r="H431" s="8">
        <v>283442</v>
      </c>
      <c r="I431" s="8">
        <v>212732</v>
      </c>
      <c r="J431" s="8">
        <v>538900</v>
      </c>
    </row>
    <row r="432" spans="2:10" ht="15" customHeight="1">
      <c r="B432" s="9" t="s">
        <v>77</v>
      </c>
      <c r="C432" s="10">
        <v>22034</v>
      </c>
      <c r="D432" s="10">
        <v>54032</v>
      </c>
      <c r="E432" s="10">
        <v>106528</v>
      </c>
      <c r="F432" s="10">
        <v>229410</v>
      </c>
      <c r="G432" s="10">
        <v>128562</v>
      </c>
      <c r="H432" s="10">
        <v>283442</v>
      </c>
      <c r="I432" s="10">
        <v>212732</v>
      </c>
      <c r="J432" s="10">
        <v>538900</v>
      </c>
    </row>
    <row r="433" spans="2:10" ht="15" customHeight="1">
      <c r="B433" s="9" t="s">
        <v>78</v>
      </c>
      <c r="C433" s="10">
        <v>0</v>
      </c>
      <c r="D433" s="10">
        <v>0</v>
      </c>
      <c r="E433" s="10">
        <v>0</v>
      </c>
      <c r="F433" s="10">
        <v>0</v>
      </c>
      <c r="G433" s="10">
        <v>0</v>
      </c>
      <c r="H433" s="10">
        <v>0</v>
      </c>
      <c r="I433" s="10">
        <v>0</v>
      </c>
      <c r="J433" s="10">
        <v>0</v>
      </c>
    </row>
    <row r="434" spans="2:10" ht="15" customHeight="1">
      <c r="B434" s="7" t="s">
        <v>84</v>
      </c>
      <c r="C434" s="8">
        <v>0</v>
      </c>
      <c r="D434" s="8">
        <v>0</v>
      </c>
      <c r="E434" s="8">
        <v>0</v>
      </c>
      <c r="F434" s="8">
        <v>0</v>
      </c>
      <c r="G434" s="8">
        <v>0</v>
      </c>
      <c r="H434" s="8">
        <v>0</v>
      </c>
      <c r="I434" s="8">
        <v>0</v>
      </c>
      <c r="J434" s="8">
        <v>0</v>
      </c>
    </row>
    <row r="435" spans="2:10" ht="15" customHeight="1">
      <c r="B435" s="16" t="s">
        <v>80</v>
      </c>
      <c r="C435" s="20">
        <v>0</v>
      </c>
      <c r="D435" s="20">
        <v>0</v>
      </c>
      <c r="E435" s="20">
        <v>0</v>
      </c>
      <c r="F435" s="20">
        <v>1553</v>
      </c>
      <c r="G435" s="20">
        <v>0</v>
      </c>
      <c r="H435" s="20">
        <v>1553</v>
      </c>
      <c r="I435" s="20">
        <v>0</v>
      </c>
      <c r="J435" s="20">
        <v>1600</v>
      </c>
    </row>
    <row r="436" spans="2:10" ht="15" customHeight="1">
      <c r="B436" s="14" t="s">
        <v>83</v>
      </c>
      <c r="C436" s="21">
        <v>0</v>
      </c>
      <c r="D436" s="21">
        <v>0</v>
      </c>
      <c r="E436" s="21">
        <v>0</v>
      </c>
      <c r="F436" s="21">
        <v>1553</v>
      </c>
      <c r="G436" s="21">
        <v>0</v>
      </c>
      <c r="H436" s="21">
        <v>1553</v>
      </c>
      <c r="I436" s="21">
        <v>0</v>
      </c>
      <c r="J436" s="21">
        <v>1600</v>
      </c>
    </row>
    <row r="437" spans="2:10" ht="15" customHeight="1">
      <c r="B437" s="14" t="s">
        <v>84</v>
      </c>
      <c r="C437" s="21">
        <v>0</v>
      </c>
      <c r="D437" s="21">
        <v>0</v>
      </c>
      <c r="E437" s="21">
        <v>0</v>
      </c>
      <c r="F437" s="21">
        <v>0</v>
      </c>
      <c r="G437" s="21">
        <v>0</v>
      </c>
      <c r="H437" s="21">
        <v>0</v>
      </c>
      <c r="I437" s="21">
        <v>0</v>
      </c>
      <c r="J437" s="21">
        <v>0</v>
      </c>
    </row>
    <row r="438" spans="2:10" ht="15" customHeight="1">
      <c r="B438" s="5" t="s">
        <v>66</v>
      </c>
      <c r="C438" s="6">
        <v>0</v>
      </c>
      <c r="D438" s="6">
        <v>0</v>
      </c>
      <c r="E438" s="6">
        <v>175</v>
      </c>
      <c r="F438" s="6">
        <v>175</v>
      </c>
      <c r="G438" s="6">
        <v>175</v>
      </c>
      <c r="H438" s="6">
        <v>175</v>
      </c>
      <c r="I438" s="6">
        <v>132</v>
      </c>
      <c r="J438" s="6">
        <v>132</v>
      </c>
    </row>
    <row r="439" spans="2:10" ht="15" customHeight="1">
      <c r="B439" s="16" t="s">
        <v>75</v>
      </c>
      <c r="C439" s="20">
        <v>0</v>
      </c>
      <c r="D439" s="20">
        <v>0</v>
      </c>
      <c r="E439" s="20">
        <v>0</v>
      </c>
      <c r="F439" s="20">
        <v>0</v>
      </c>
      <c r="G439" s="20">
        <v>0</v>
      </c>
      <c r="H439" s="20">
        <v>0</v>
      </c>
      <c r="I439" s="20">
        <v>0</v>
      </c>
      <c r="J439" s="20">
        <v>0</v>
      </c>
    </row>
    <row r="440" spans="2:10" ht="15" customHeight="1">
      <c r="B440" s="7" t="s">
        <v>83</v>
      </c>
      <c r="C440" s="8">
        <v>0</v>
      </c>
      <c r="D440" s="8">
        <v>0</v>
      </c>
      <c r="E440" s="8">
        <v>0</v>
      </c>
      <c r="F440" s="8">
        <v>0</v>
      </c>
      <c r="G440" s="8">
        <v>0</v>
      </c>
      <c r="H440" s="8">
        <v>0</v>
      </c>
      <c r="I440" s="8">
        <v>0</v>
      </c>
      <c r="J440" s="8">
        <v>0</v>
      </c>
    </row>
    <row r="441" spans="2:10" ht="15" customHeight="1">
      <c r="B441" s="9" t="s">
        <v>77</v>
      </c>
      <c r="C441" s="10">
        <v>0</v>
      </c>
      <c r="D441" s="10">
        <v>0</v>
      </c>
      <c r="E441" s="10">
        <v>0</v>
      </c>
      <c r="F441" s="10">
        <v>0</v>
      </c>
      <c r="G441" s="10">
        <v>0</v>
      </c>
      <c r="H441" s="10">
        <v>0</v>
      </c>
      <c r="I441" s="10">
        <v>0</v>
      </c>
      <c r="J441" s="10">
        <v>0</v>
      </c>
    </row>
    <row r="442" spans="2:10" ht="15" customHeight="1">
      <c r="B442" s="9" t="s">
        <v>78</v>
      </c>
      <c r="C442" s="10">
        <v>0</v>
      </c>
      <c r="D442" s="10">
        <v>0</v>
      </c>
      <c r="E442" s="10">
        <v>0</v>
      </c>
      <c r="F442" s="10">
        <v>0</v>
      </c>
      <c r="G442" s="10">
        <v>0</v>
      </c>
      <c r="H442" s="10">
        <v>0</v>
      </c>
      <c r="I442" s="10">
        <v>0</v>
      </c>
      <c r="J442" s="10">
        <v>0</v>
      </c>
    </row>
    <row r="443" spans="2:10" ht="15" customHeight="1">
      <c r="B443" s="7" t="s">
        <v>84</v>
      </c>
      <c r="C443" s="8">
        <v>0</v>
      </c>
      <c r="D443" s="8">
        <v>0</v>
      </c>
      <c r="E443" s="8">
        <v>0</v>
      </c>
      <c r="F443" s="8">
        <v>0</v>
      </c>
      <c r="G443" s="8">
        <v>0</v>
      </c>
      <c r="H443" s="8">
        <v>0</v>
      </c>
      <c r="I443" s="8">
        <v>0</v>
      </c>
      <c r="J443" s="8">
        <v>0</v>
      </c>
    </row>
    <row r="444" spans="2:10" ht="15" customHeight="1">
      <c r="B444" s="16" t="s">
        <v>80</v>
      </c>
      <c r="C444" s="20">
        <v>0</v>
      </c>
      <c r="D444" s="20">
        <v>0</v>
      </c>
      <c r="E444" s="20">
        <v>175</v>
      </c>
      <c r="F444" s="20">
        <v>175</v>
      </c>
      <c r="G444" s="20">
        <v>175</v>
      </c>
      <c r="H444" s="20">
        <v>175</v>
      </c>
      <c r="I444" s="20">
        <v>132</v>
      </c>
      <c r="J444" s="20">
        <v>132</v>
      </c>
    </row>
    <row r="445" spans="2:10" ht="15" customHeight="1">
      <c r="B445" s="14" t="s">
        <v>83</v>
      </c>
      <c r="C445" s="21">
        <v>0</v>
      </c>
      <c r="D445" s="21">
        <v>0</v>
      </c>
      <c r="E445" s="21">
        <v>175</v>
      </c>
      <c r="F445" s="21">
        <v>175</v>
      </c>
      <c r="G445" s="21">
        <v>175</v>
      </c>
      <c r="H445" s="21">
        <v>175</v>
      </c>
      <c r="I445" s="21">
        <v>132</v>
      </c>
      <c r="J445" s="21">
        <v>132</v>
      </c>
    </row>
    <row r="446" spans="2:10" ht="15" customHeight="1">
      <c r="B446" s="14" t="s">
        <v>84</v>
      </c>
      <c r="C446" s="21">
        <v>0</v>
      </c>
      <c r="D446" s="21">
        <v>0</v>
      </c>
      <c r="E446" s="21">
        <v>0</v>
      </c>
      <c r="F446" s="21">
        <v>0</v>
      </c>
      <c r="G446" s="21">
        <v>0</v>
      </c>
      <c r="H446" s="21">
        <v>0</v>
      </c>
      <c r="I446" s="21">
        <v>0</v>
      </c>
      <c r="J446" s="21">
        <v>0</v>
      </c>
    </row>
    <row r="447" spans="2:10" ht="15" customHeight="1">
      <c r="B447" s="5" t="s">
        <v>67</v>
      </c>
      <c r="C447" s="6">
        <v>0</v>
      </c>
      <c r="D447" s="6">
        <v>70</v>
      </c>
      <c r="E447" s="6">
        <v>0</v>
      </c>
      <c r="F447" s="6">
        <v>0</v>
      </c>
      <c r="G447" s="6">
        <v>0</v>
      </c>
      <c r="H447" s="6">
        <v>70</v>
      </c>
      <c r="I447" s="6">
        <v>0</v>
      </c>
      <c r="J447" s="6">
        <v>0</v>
      </c>
    </row>
    <row r="448" spans="2:10" ht="15" customHeight="1">
      <c r="B448" s="16" t="s">
        <v>75</v>
      </c>
      <c r="C448" s="20">
        <v>0</v>
      </c>
      <c r="D448" s="20">
        <v>70</v>
      </c>
      <c r="E448" s="20">
        <v>0</v>
      </c>
      <c r="F448" s="20">
        <v>0</v>
      </c>
      <c r="G448" s="20">
        <v>0</v>
      </c>
      <c r="H448" s="20">
        <v>70</v>
      </c>
      <c r="I448" s="20">
        <v>0</v>
      </c>
      <c r="J448" s="20">
        <v>0</v>
      </c>
    </row>
    <row r="449" spans="2:10" ht="15" customHeight="1">
      <c r="B449" s="7" t="s">
        <v>83</v>
      </c>
      <c r="C449" s="8">
        <v>0</v>
      </c>
      <c r="D449" s="8">
        <v>70</v>
      </c>
      <c r="E449" s="8">
        <v>0</v>
      </c>
      <c r="F449" s="8">
        <v>0</v>
      </c>
      <c r="G449" s="8">
        <v>0</v>
      </c>
      <c r="H449" s="8">
        <v>70</v>
      </c>
      <c r="I449" s="8">
        <v>0</v>
      </c>
      <c r="J449" s="8">
        <v>0</v>
      </c>
    </row>
    <row r="450" spans="2:10" ht="15" customHeight="1">
      <c r="B450" s="9" t="s">
        <v>77</v>
      </c>
      <c r="C450" s="10">
        <v>0</v>
      </c>
      <c r="D450" s="10">
        <v>70</v>
      </c>
      <c r="E450" s="10">
        <v>0</v>
      </c>
      <c r="F450" s="10">
        <v>0</v>
      </c>
      <c r="G450" s="10">
        <v>0</v>
      </c>
      <c r="H450" s="10">
        <v>70</v>
      </c>
      <c r="I450" s="10">
        <v>0</v>
      </c>
      <c r="J450" s="10">
        <v>0</v>
      </c>
    </row>
    <row r="451" spans="2:10" ht="15" customHeight="1">
      <c r="B451" s="9" t="s">
        <v>78</v>
      </c>
      <c r="C451" s="10">
        <v>0</v>
      </c>
      <c r="D451" s="10">
        <v>0</v>
      </c>
      <c r="E451" s="10">
        <v>0</v>
      </c>
      <c r="F451" s="10">
        <v>0</v>
      </c>
      <c r="G451" s="10">
        <v>0</v>
      </c>
      <c r="H451" s="10">
        <v>0</v>
      </c>
      <c r="I451" s="10">
        <v>0</v>
      </c>
      <c r="J451" s="10">
        <v>0</v>
      </c>
    </row>
    <row r="452" spans="2:10" ht="15" customHeight="1">
      <c r="B452" s="7" t="s">
        <v>84</v>
      </c>
      <c r="C452" s="8">
        <v>0</v>
      </c>
      <c r="D452" s="8">
        <v>0</v>
      </c>
      <c r="E452" s="8">
        <v>0</v>
      </c>
      <c r="F452" s="8">
        <v>0</v>
      </c>
      <c r="G452" s="8">
        <v>0</v>
      </c>
      <c r="H452" s="8">
        <v>0</v>
      </c>
      <c r="I452" s="8">
        <v>0</v>
      </c>
      <c r="J452" s="8">
        <v>0</v>
      </c>
    </row>
    <row r="453" spans="2:10" ht="15" customHeight="1">
      <c r="B453" s="16" t="s">
        <v>80</v>
      </c>
      <c r="C453" s="20">
        <v>0</v>
      </c>
      <c r="D453" s="20">
        <v>0</v>
      </c>
      <c r="E453" s="20">
        <v>0</v>
      </c>
      <c r="F453" s="20">
        <v>0</v>
      </c>
      <c r="G453" s="20">
        <v>0</v>
      </c>
      <c r="H453" s="20">
        <v>0</v>
      </c>
      <c r="I453" s="20">
        <v>0</v>
      </c>
      <c r="J453" s="20">
        <v>0</v>
      </c>
    </row>
    <row r="454" spans="2:10" ht="15" customHeight="1">
      <c r="B454" s="14" t="s">
        <v>83</v>
      </c>
      <c r="C454" s="21">
        <v>0</v>
      </c>
      <c r="D454" s="21">
        <v>0</v>
      </c>
      <c r="E454" s="21">
        <v>0</v>
      </c>
      <c r="F454" s="21">
        <v>0</v>
      </c>
      <c r="G454" s="21">
        <v>0</v>
      </c>
      <c r="H454" s="21">
        <v>0</v>
      </c>
      <c r="I454" s="21">
        <v>0</v>
      </c>
      <c r="J454" s="21">
        <v>0</v>
      </c>
    </row>
    <row r="455" spans="2:10" ht="15" customHeight="1">
      <c r="B455" s="14" t="s">
        <v>84</v>
      </c>
      <c r="C455" s="21">
        <v>0</v>
      </c>
      <c r="D455" s="21">
        <v>0</v>
      </c>
      <c r="E455" s="21">
        <v>0</v>
      </c>
      <c r="F455" s="21">
        <v>0</v>
      </c>
      <c r="G455" s="21">
        <v>0</v>
      </c>
      <c r="H455" s="21">
        <v>0</v>
      </c>
      <c r="I455" s="21">
        <v>0</v>
      </c>
      <c r="J455" s="21">
        <v>0</v>
      </c>
    </row>
    <row r="456" spans="2:10" ht="15" customHeight="1">
      <c r="B456" s="5" t="s">
        <v>68</v>
      </c>
      <c r="C456" s="6">
        <v>0</v>
      </c>
      <c r="D456" s="6">
        <v>0</v>
      </c>
      <c r="E456" s="6">
        <v>0</v>
      </c>
      <c r="F456" s="6">
        <v>0</v>
      </c>
      <c r="G456" s="6">
        <v>0</v>
      </c>
      <c r="H456" s="6">
        <v>0</v>
      </c>
      <c r="I456" s="6">
        <v>0</v>
      </c>
      <c r="J456" s="6">
        <v>0</v>
      </c>
    </row>
    <row r="457" spans="2:10" ht="15" customHeight="1">
      <c r="B457" s="16" t="s">
        <v>75</v>
      </c>
      <c r="C457" s="20">
        <v>0</v>
      </c>
      <c r="D457" s="20">
        <v>0</v>
      </c>
      <c r="E457" s="20">
        <v>0</v>
      </c>
      <c r="F457" s="20">
        <v>0</v>
      </c>
      <c r="G457" s="20">
        <v>0</v>
      </c>
      <c r="H457" s="20">
        <v>0</v>
      </c>
      <c r="I457" s="20">
        <v>0</v>
      </c>
      <c r="J457" s="20">
        <v>0</v>
      </c>
    </row>
    <row r="458" spans="2:10" ht="15" customHeight="1">
      <c r="B458" s="7" t="s">
        <v>83</v>
      </c>
      <c r="C458" s="8">
        <v>0</v>
      </c>
      <c r="D458" s="8">
        <v>0</v>
      </c>
      <c r="E458" s="8">
        <v>0</v>
      </c>
      <c r="F458" s="8">
        <v>0</v>
      </c>
      <c r="G458" s="8">
        <v>0</v>
      </c>
      <c r="H458" s="8">
        <v>0</v>
      </c>
      <c r="I458" s="8">
        <v>0</v>
      </c>
      <c r="J458" s="8">
        <v>0</v>
      </c>
    </row>
    <row r="459" spans="2:10" ht="15" customHeight="1">
      <c r="B459" s="9" t="s">
        <v>77</v>
      </c>
      <c r="C459" s="10">
        <v>0</v>
      </c>
      <c r="D459" s="10">
        <v>0</v>
      </c>
      <c r="E459" s="10">
        <v>0</v>
      </c>
      <c r="F459" s="10">
        <v>0</v>
      </c>
      <c r="G459" s="10">
        <v>0</v>
      </c>
      <c r="H459" s="10">
        <v>0</v>
      </c>
      <c r="I459" s="10">
        <v>0</v>
      </c>
      <c r="J459" s="10">
        <v>0</v>
      </c>
    </row>
    <row r="460" spans="2:10" ht="15" customHeight="1">
      <c r="B460" s="9" t="s">
        <v>78</v>
      </c>
      <c r="C460" s="10">
        <v>0</v>
      </c>
      <c r="D460" s="10">
        <v>0</v>
      </c>
      <c r="E460" s="10">
        <v>0</v>
      </c>
      <c r="F460" s="10">
        <v>0</v>
      </c>
      <c r="G460" s="10">
        <v>0</v>
      </c>
      <c r="H460" s="10">
        <v>0</v>
      </c>
      <c r="I460" s="10">
        <v>0</v>
      </c>
      <c r="J460" s="10">
        <v>0</v>
      </c>
    </row>
    <row r="461" spans="2:10" ht="15" customHeight="1">
      <c r="B461" s="7" t="s">
        <v>84</v>
      </c>
      <c r="C461" s="8">
        <v>0</v>
      </c>
      <c r="D461" s="8">
        <v>0</v>
      </c>
      <c r="E461" s="8">
        <v>0</v>
      </c>
      <c r="F461" s="8">
        <v>0</v>
      </c>
      <c r="G461" s="8">
        <v>0</v>
      </c>
      <c r="H461" s="8">
        <v>0</v>
      </c>
      <c r="I461" s="8">
        <v>0</v>
      </c>
      <c r="J461" s="8">
        <v>0</v>
      </c>
    </row>
    <row r="462" spans="2:10" ht="15" customHeight="1">
      <c r="B462" s="16" t="s">
        <v>80</v>
      </c>
      <c r="C462" s="20">
        <v>0</v>
      </c>
      <c r="D462" s="20">
        <v>0</v>
      </c>
      <c r="E462" s="20">
        <v>0</v>
      </c>
      <c r="F462" s="20">
        <v>0</v>
      </c>
      <c r="G462" s="20">
        <v>0</v>
      </c>
      <c r="H462" s="20">
        <v>0</v>
      </c>
      <c r="I462" s="20">
        <v>0</v>
      </c>
      <c r="J462" s="20">
        <v>0</v>
      </c>
    </row>
    <row r="463" spans="2:10" ht="15" customHeight="1">
      <c r="B463" s="14" t="s">
        <v>83</v>
      </c>
      <c r="C463" s="21">
        <v>0</v>
      </c>
      <c r="D463" s="21">
        <v>0</v>
      </c>
      <c r="E463" s="21">
        <v>0</v>
      </c>
      <c r="F463" s="21">
        <v>0</v>
      </c>
      <c r="G463" s="21">
        <v>0</v>
      </c>
      <c r="H463" s="21">
        <v>0</v>
      </c>
      <c r="I463" s="21">
        <v>0</v>
      </c>
      <c r="J463" s="21">
        <v>0</v>
      </c>
    </row>
    <row r="464" spans="2:10" ht="15" customHeight="1">
      <c r="B464" s="14" t="s">
        <v>84</v>
      </c>
      <c r="C464" s="21">
        <v>0</v>
      </c>
      <c r="D464" s="21">
        <v>0</v>
      </c>
      <c r="E464" s="21">
        <v>0</v>
      </c>
      <c r="F464" s="21">
        <v>0</v>
      </c>
      <c r="G464" s="21">
        <v>0</v>
      </c>
      <c r="H464" s="21">
        <v>0</v>
      </c>
      <c r="I464" s="21">
        <v>0</v>
      </c>
      <c r="J464" s="21">
        <v>0</v>
      </c>
    </row>
    <row r="465" spans="2:10" ht="15" customHeight="1">
      <c r="B465" s="5" t="s">
        <v>69</v>
      </c>
      <c r="C465" s="6">
        <v>0</v>
      </c>
      <c r="D465" s="6">
        <v>0</v>
      </c>
      <c r="E465" s="6">
        <v>0</v>
      </c>
      <c r="F465" s="6">
        <v>0</v>
      </c>
      <c r="G465" s="6">
        <v>0</v>
      </c>
      <c r="H465" s="6">
        <v>0</v>
      </c>
      <c r="I465" s="6">
        <v>0</v>
      </c>
      <c r="J465" s="6">
        <v>0</v>
      </c>
    </row>
    <row r="466" spans="2:10" ht="15" customHeight="1">
      <c r="B466" s="16" t="s">
        <v>75</v>
      </c>
      <c r="C466" s="20">
        <v>0</v>
      </c>
      <c r="D466" s="20">
        <v>0</v>
      </c>
      <c r="E466" s="20">
        <v>0</v>
      </c>
      <c r="F466" s="20">
        <v>0</v>
      </c>
      <c r="G466" s="20">
        <v>0</v>
      </c>
      <c r="H466" s="20">
        <v>0</v>
      </c>
      <c r="I466" s="20">
        <v>0</v>
      </c>
      <c r="J466" s="20">
        <v>0</v>
      </c>
    </row>
    <row r="467" spans="2:10" ht="15" customHeight="1">
      <c r="B467" s="7" t="s">
        <v>83</v>
      </c>
      <c r="C467" s="8">
        <v>0</v>
      </c>
      <c r="D467" s="8">
        <v>0</v>
      </c>
      <c r="E467" s="8">
        <v>0</v>
      </c>
      <c r="F467" s="8">
        <v>0</v>
      </c>
      <c r="G467" s="8">
        <v>0</v>
      </c>
      <c r="H467" s="8">
        <v>0</v>
      </c>
      <c r="I467" s="8">
        <v>0</v>
      </c>
      <c r="J467" s="8">
        <v>0</v>
      </c>
    </row>
    <row r="468" spans="2:10" ht="15" customHeight="1">
      <c r="B468" s="9" t="s">
        <v>77</v>
      </c>
      <c r="C468" s="10">
        <v>0</v>
      </c>
      <c r="D468" s="10">
        <v>0</v>
      </c>
      <c r="E468" s="10">
        <v>0</v>
      </c>
      <c r="F468" s="10">
        <v>0</v>
      </c>
      <c r="G468" s="10">
        <v>0</v>
      </c>
      <c r="H468" s="10">
        <v>0</v>
      </c>
      <c r="I468" s="10">
        <v>0</v>
      </c>
      <c r="J468" s="10">
        <v>0</v>
      </c>
    </row>
    <row r="469" spans="2:10" ht="15" customHeight="1">
      <c r="B469" s="9" t="s">
        <v>78</v>
      </c>
      <c r="C469" s="10">
        <v>0</v>
      </c>
      <c r="D469" s="10">
        <v>0</v>
      </c>
      <c r="E469" s="10">
        <v>0</v>
      </c>
      <c r="F469" s="10">
        <v>0</v>
      </c>
      <c r="G469" s="10">
        <v>0</v>
      </c>
      <c r="H469" s="10">
        <v>0</v>
      </c>
      <c r="I469" s="10">
        <v>0</v>
      </c>
      <c r="J469" s="10">
        <v>0</v>
      </c>
    </row>
    <row r="470" spans="2:10" ht="15" customHeight="1">
      <c r="B470" s="7" t="s">
        <v>84</v>
      </c>
      <c r="C470" s="8">
        <v>0</v>
      </c>
      <c r="D470" s="8">
        <v>0</v>
      </c>
      <c r="E470" s="8">
        <v>0</v>
      </c>
      <c r="F470" s="8">
        <v>0</v>
      </c>
      <c r="G470" s="8">
        <v>0</v>
      </c>
      <c r="H470" s="8">
        <v>0</v>
      </c>
      <c r="I470" s="8">
        <v>0</v>
      </c>
      <c r="J470" s="8">
        <v>0</v>
      </c>
    </row>
    <row r="471" spans="2:10" ht="15" customHeight="1">
      <c r="B471" s="16" t="s">
        <v>80</v>
      </c>
      <c r="C471" s="20">
        <v>0</v>
      </c>
      <c r="D471" s="20">
        <v>0</v>
      </c>
      <c r="E471" s="20">
        <v>0</v>
      </c>
      <c r="F471" s="20">
        <v>0</v>
      </c>
      <c r="G471" s="20">
        <v>0</v>
      </c>
      <c r="H471" s="20">
        <v>0</v>
      </c>
      <c r="I471" s="20">
        <v>0</v>
      </c>
      <c r="J471" s="20">
        <v>0</v>
      </c>
    </row>
    <row r="472" spans="2:10" ht="15" customHeight="1">
      <c r="B472" s="14" t="s">
        <v>83</v>
      </c>
      <c r="C472" s="21">
        <v>0</v>
      </c>
      <c r="D472" s="21">
        <v>0</v>
      </c>
      <c r="E472" s="21">
        <v>0</v>
      </c>
      <c r="F472" s="21">
        <v>0</v>
      </c>
      <c r="G472" s="21">
        <v>0</v>
      </c>
      <c r="H472" s="21">
        <v>0</v>
      </c>
      <c r="I472" s="21">
        <v>0</v>
      </c>
      <c r="J472" s="21">
        <v>0</v>
      </c>
    </row>
    <row r="473" spans="2:10" ht="15" customHeight="1">
      <c r="B473" s="14" t="s">
        <v>84</v>
      </c>
      <c r="C473" s="21">
        <v>0</v>
      </c>
      <c r="D473" s="21">
        <v>0</v>
      </c>
      <c r="E473" s="21">
        <v>0</v>
      </c>
      <c r="F473" s="21">
        <v>0</v>
      </c>
      <c r="G473" s="21">
        <v>0</v>
      </c>
      <c r="H473" s="21">
        <v>0</v>
      </c>
      <c r="I473" s="21">
        <v>0</v>
      </c>
      <c r="J473" s="21">
        <v>0</v>
      </c>
    </row>
    <row r="474" spans="2:10" ht="15" customHeight="1">
      <c r="B474" s="5" t="s">
        <v>70</v>
      </c>
      <c r="C474" s="6">
        <v>0</v>
      </c>
      <c r="D474" s="6">
        <v>0</v>
      </c>
      <c r="E474" s="6">
        <v>0</v>
      </c>
      <c r="F474" s="6">
        <v>0</v>
      </c>
      <c r="G474" s="6">
        <v>0</v>
      </c>
      <c r="H474" s="6">
        <v>0</v>
      </c>
      <c r="I474" s="6">
        <v>0</v>
      </c>
      <c r="J474" s="6">
        <v>0</v>
      </c>
    </row>
    <row r="475" spans="2:10" ht="15" customHeight="1">
      <c r="B475" s="16" t="s">
        <v>75</v>
      </c>
      <c r="C475" s="20">
        <v>0</v>
      </c>
      <c r="D475" s="20">
        <v>0</v>
      </c>
      <c r="E475" s="20">
        <v>0</v>
      </c>
      <c r="F475" s="20">
        <v>0</v>
      </c>
      <c r="G475" s="20">
        <v>0</v>
      </c>
      <c r="H475" s="20">
        <v>0</v>
      </c>
      <c r="I475" s="20">
        <v>0</v>
      </c>
      <c r="J475" s="20">
        <v>0</v>
      </c>
    </row>
    <row r="476" spans="2:10" ht="15" customHeight="1">
      <c r="B476" s="7" t="s">
        <v>83</v>
      </c>
      <c r="C476" s="8">
        <v>0</v>
      </c>
      <c r="D476" s="8">
        <v>0</v>
      </c>
      <c r="E476" s="8">
        <v>0</v>
      </c>
      <c r="F476" s="8">
        <v>0</v>
      </c>
      <c r="G476" s="8">
        <v>0</v>
      </c>
      <c r="H476" s="8">
        <v>0</v>
      </c>
      <c r="I476" s="8">
        <v>0</v>
      </c>
      <c r="J476" s="8">
        <v>0</v>
      </c>
    </row>
    <row r="477" spans="2:10" ht="15" customHeight="1">
      <c r="B477" s="9" t="s">
        <v>77</v>
      </c>
      <c r="C477" s="10">
        <v>0</v>
      </c>
      <c r="D477" s="10">
        <v>0</v>
      </c>
      <c r="E477" s="10">
        <v>0</v>
      </c>
      <c r="F477" s="10">
        <v>0</v>
      </c>
      <c r="G477" s="10">
        <v>0</v>
      </c>
      <c r="H477" s="10">
        <v>0</v>
      </c>
      <c r="I477" s="10">
        <v>0</v>
      </c>
      <c r="J477" s="10">
        <v>0</v>
      </c>
    </row>
    <row r="478" spans="2:10" ht="15" customHeight="1">
      <c r="B478" s="9" t="s">
        <v>78</v>
      </c>
      <c r="C478" s="10">
        <v>0</v>
      </c>
      <c r="D478" s="10">
        <v>0</v>
      </c>
      <c r="E478" s="10">
        <v>0</v>
      </c>
      <c r="F478" s="10">
        <v>0</v>
      </c>
      <c r="G478" s="10">
        <v>0</v>
      </c>
      <c r="H478" s="10">
        <v>0</v>
      </c>
      <c r="I478" s="10">
        <v>0</v>
      </c>
      <c r="J478" s="10">
        <v>0</v>
      </c>
    </row>
    <row r="479" spans="2:10" ht="15" customHeight="1">
      <c r="B479" s="7" t="s">
        <v>84</v>
      </c>
      <c r="C479" s="8">
        <v>0</v>
      </c>
      <c r="D479" s="8">
        <v>0</v>
      </c>
      <c r="E479" s="8">
        <v>0</v>
      </c>
      <c r="F479" s="8">
        <v>0</v>
      </c>
      <c r="G479" s="8">
        <v>0</v>
      </c>
      <c r="H479" s="8">
        <v>0</v>
      </c>
      <c r="I479" s="8">
        <v>0</v>
      </c>
      <c r="J479" s="8">
        <v>0</v>
      </c>
    </row>
    <row r="480" spans="2:10" ht="15" customHeight="1">
      <c r="B480" s="16" t="s">
        <v>80</v>
      </c>
      <c r="C480" s="20">
        <v>0</v>
      </c>
      <c r="D480" s="20">
        <v>0</v>
      </c>
      <c r="E480" s="20">
        <v>0</v>
      </c>
      <c r="F480" s="20">
        <v>0</v>
      </c>
      <c r="G480" s="20">
        <v>0</v>
      </c>
      <c r="H480" s="20">
        <v>0</v>
      </c>
      <c r="I480" s="20">
        <v>0</v>
      </c>
      <c r="J480" s="20">
        <v>0</v>
      </c>
    </row>
    <row r="481" spans="2:10" ht="15" customHeight="1">
      <c r="B481" s="14" t="s">
        <v>83</v>
      </c>
      <c r="C481" s="21">
        <v>0</v>
      </c>
      <c r="D481" s="21">
        <v>0</v>
      </c>
      <c r="E481" s="21">
        <v>0</v>
      </c>
      <c r="F481" s="21">
        <v>0</v>
      </c>
      <c r="G481" s="21">
        <v>0</v>
      </c>
      <c r="H481" s="21">
        <v>0</v>
      </c>
      <c r="I481" s="21">
        <v>0</v>
      </c>
      <c r="J481" s="21">
        <v>0</v>
      </c>
    </row>
    <row r="482" spans="2:10" ht="15" customHeight="1">
      <c r="B482" s="14" t="s">
        <v>84</v>
      </c>
      <c r="C482" s="21">
        <v>0</v>
      </c>
      <c r="D482" s="21">
        <v>0</v>
      </c>
      <c r="E482" s="21">
        <v>0</v>
      </c>
      <c r="F482" s="21">
        <v>0</v>
      </c>
      <c r="G482" s="21">
        <v>0</v>
      </c>
      <c r="H482" s="21">
        <v>0</v>
      </c>
      <c r="I482" s="21">
        <v>0</v>
      </c>
      <c r="J482" s="21">
        <v>0</v>
      </c>
    </row>
    <row r="483" spans="2:10" ht="15" customHeight="1">
      <c r="B483" s="5" t="s">
        <v>71</v>
      </c>
      <c r="C483" s="6">
        <v>0</v>
      </c>
      <c r="D483" s="6">
        <v>0</v>
      </c>
      <c r="E483" s="6">
        <v>0</v>
      </c>
      <c r="F483" s="6">
        <v>0</v>
      </c>
      <c r="G483" s="6">
        <v>0</v>
      </c>
      <c r="H483" s="6">
        <v>0</v>
      </c>
      <c r="I483" s="6">
        <v>0</v>
      </c>
      <c r="J483" s="6">
        <v>0</v>
      </c>
    </row>
    <row r="484" spans="2:10" ht="15" customHeight="1">
      <c r="B484" s="16" t="s">
        <v>75</v>
      </c>
      <c r="C484" s="20">
        <v>0</v>
      </c>
      <c r="D484" s="20">
        <v>0</v>
      </c>
      <c r="E484" s="20">
        <v>0</v>
      </c>
      <c r="F484" s="20">
        <v>0</v>
      </c>
      <c r="G484" s="20">
        <v>0</v>
      </c>
      <c r="H484" s="20">
        <v>0</v>
      </c>
      <c r="I484" s="20">
        <v>0</v>
      </c>
      <c r="J484" s="20">
        <v>0</v>
      </c>
    </row>
    <row r="485" spans="2:10" ht="15" customHeight="1">
      <c r="B485" s="7" t="s">
        <v>83</v>
      </c>
      <c r="C485" s="8">
        <v>0</v>
      </c>
      <c r="D485" s="8">
        <v>0</v>
      </c>
      <c r="E485" s="8">
        <v>0</v>
      </c>
      <c r="F485" s="8">
        <v>0</v>
      </c>
      <c r="G485" s="8">
        <v>0</v>
      </c>
      <c r="H485" s="8">
        <v>0</v>
      </c>
      <c r="I485" s="8">
        <v>0</v>
      </c>
      <c r="J485" s="8">
        <v>0</v>
      </c>
    </row>
    <row r="486" spans="2:10" ht="15" customHeight="1">
      <c r="B486" s="9" t="s">
        <v>77</v>
      </c>
      <c r="C486" s="10">
        <v>0</v>
      </c>
      <c r="D486" s="10">
        <v>0</v>
      </c>
      <c r="E486" s="10">
        <v>0</v>
      </c>
      <c r="F486" s="10">
        <v>0</v>
      </c>
      <c r="G486" s="10">
        <v>0</v>
      </c>
      <c r="H486" s="10">
        <v>0</v>
      </c>
      <c r="I486" s="10">
        <v>0</v>
      </c>
      <c r="J486" s="10">
        <v>0</v>
      </c>
    </row>
    <row r="487" spans="2:10" ht="15" customHeight="1">
      <c r="B487" s="9" t="s">
        <v>78</v>
      </c>
      <c r="C487" s="10">
        <v>0</v>
      </c>
      <c r="D487" s="10">
        <v>0</v>
      </c>
      <c r="E487" s="10">
        <v>0</v>
      </c>
      <c r="F487" s="10">
        <v>0</v>
      </c>
      <c r="G487" s="10">
        <v>0</v>
      </c>
      <c r="H487" s="10">
        <v>0</v>
      </c>
      <c r="I487" s="10">
        <v>0</v>
      </c>
      <c r="J487" s="10">
        <v>0</v>
      </c>
    </row>
    <row r="488" spans="2:10" ht="15" customHeight="1">
      <c r="B488" s="7" t="s">
        <v>84</v>
      </c>
      <c r="C488" s="8">
        <v>0</v>
      </c>
      <c r="D488" s="8">
        <v>0</v>
      </c>
      <c r="E488" s="8">
        <v>0</v>
      </c>
      <c r="F488" s="8">
        <v>0</v>
      </c>
      <c r="G488" s="8">
        <v>0</v>
      </c>
      <c r="H488" s="8">
        <v>0</v>
      </c>
      <c r="I488" s="8">
        <v>0</v>
      </c>
      <c r="J488" s="8">
        <v>0</v>
      </c>
    </row>
    <row r="489" spans="2:10" ht="15" customHeight="1">
      <c r="B489" s="16" t="s">
        <v>80</v>
      </c>
      <c r="C489" s="20">
        <v>0</v>
      </c>
      <c r="D489" s="20">
        <v>0</v>
      </c>
      <c r="E489" s="20">
        <v>0</v>
      </c>
      <c r="F489" s="20">
        <v>0</v>
      </c>
      <c r="G489" s="20">
        <v>0</v>
      </c>
      <c r="H489" s="20">
        <v>0</v>
      </c>
      <c r="I489" s="20">
        <v>0</v>
      </c>
      <c r="J489" s="20">
        <v>0</v>
      </c>
    </row>
    <row r="490" spans="2:10" ht="15" customHeight="1">
      <c r="B490" s="14" t="s">
        <v>83</v>
      </c>
      <c r="C490" s="21">
        <v>0</v>
      </c>
      <c r="D490" s="21">
        <v>0</v>
      </c>
      <c r="E490" s="21">
        <v>0</v>
      </c>
      <c r="F490" s="21">
        <v>0</v>
      </c>
      <c r="G490" s="21">
        <v>0</v>
      </c>
      <c r="H490" s="21">
        <v>0</v>
      </c>
      <c r="I490" s="21">
        <v>0</v>
      </c>
      <c r="J490" s="21">
        <v>0</v>
      </c>
    </row>
    <row r="491" spans="2:10" ht="15" customHeight="1">
      <c r="B491" s="14" t="s">
        <v>84</v>
      </c>
      <c r="C491" s="21">
        <v>0</v>
      </c>
      <c r="D491" s="21">
        <v>0</v>
      </c>
      <c r="E491" s="21">
        <v>0</v>
      </c>
      <c r="F491" s="21">
        <v>0</v>
      </c>
      <c r="G491" s="21">
        <v>0</v>
      </c>
      <c r="H491" s="21">
        <v>0</v>
      </c>
      <c r="I491" s="21">
        <v>0</v>
      </c>
      <c r="J491" s="21">
        <v>0</v>
      </c>
    </row>
    <row r="492" spans="2:10" ht="15" customHeight="1">
      <c r="B492" s="5" t="s">
        <v>72</v>
      </c>
      <c r="C492" s="6">
        <v>0</v>
      </c>
      <c r="D492" s="6">
        <v>118211</v>
      </c>
      <c r="E492" s="6">
        <v>0</v>
      </c>
      <c r="F492" s="6">
        <v>125944</v>
      </c>
      <c r="G492" s="6">
        <v>0</v>
      </c>
      <c r="H492" s="6">
        <v>244155</v>
      </c>
      <c r="I492" s="6">
        <v>0</v>
      </c>
      <c r="J492" s="6">
        <v>0</v>
      </c>
    </row>
    <row r="493" spans="2:10" ht="15" customHeight="1">
      <c r="B493" s="16" t="s">
        <v>75</v>
      </c>
      <c r="C493" s="20">
        <v>0</v>
      </c>
      <c r="D493" s="20">
        <v>118211</v>
      </c>
      <c r="E493" s="20">
        <v>0</v>
      </c>
      <c r="F493" s="20">
        <v>125944</v>
      </c>
      <c r="G493" s="20">
        <v>0</v>
      </c>
      <c r="H493" s="20">
        <v>244155</v>
      </c>
      <c r="I493" s="20">
        <v>0</v>
      </c>
      <c r="J493" s="20">
        <v>0</v>
      </c>
    </row>
    <row r="494" spans="2:10" ht="15" customHeight="1">
      <c r="B494" s="7" t="s">
        <v>83</v>
      </c>
      <c r="C494" s="8">
        <v>0</v>
      </c>
      <c r="D494" s="8">
        <v>118211</v>
      </c>
      <c r="E494" s="8">
        <v>0</v>
      </c>
      <c r="F494" s="8">
        <v>125944</v>
      </c>
      <c r="G494" s="8">
        <v>0</v>
      </c>
      <c r="H494" s="8">
        <v>244155</v>
      </c>
      <c r="I494" s="8">
        <v>0</v>
      </c>
      <c r="J494" s="8">
        <v>0</v>
      </c>
    </row>
    <row r="495" spans="2:10" ht="15" customHeight="1">
      <c r="B495" s="9" t="s">
        <v>77</v>
      </c>
      <c r="C495" s="10">
        <v>0</v>
      </c>
      <c r="D495" s="10">
        <v>118211</v>
      </c>
      <c r="E495" s="10">
        <v>0</v>
      </c>
      <c r="F495" s="10">
        <v>125944</v>
      </c>
      <c r="G495" s="10">
        <v>0</v>
      </c>
      <c r="H495" s="10">
        <v>244155</v>
      </c>
      <c r="I495" s="10">
        <v>0</v>
      </c>
      <c r="J495" s="10">
        <v>0</v>
      </c>
    </row>
    <row r="496" spans="2:10" ht="15" customHeight="1">
      <c r="B496" s="9" t="s">
        <v>78</v>
      </c>
      <c r="C496" s="10">
        <v>0</v>
      </c>
      <c r="D496" s="10">
        <v>0</v>
      </c>
      <c r="E496" s="10">
        <v>0</v>
      </c>
      <c r="F496" s="10">
        <v>0</v>
      </c>
      <c r="G496" s="10">
        <v>0</v>
      </c>
      <c r="H496" s="10">
        <v>0</v>
      </c>
      <c r="I496" s="10">
        <v>0</v>
      </c>
      <c r="J496" s="10">
        <v>0</v>
      </c>
    </row>
    <row r="497" spans="2:10" ht="15" customHeight="1">
      <c r="B497" s="7" t="s">
        <v>84</v>
      </c>
      <c r="C497" s="8">
        <v>0</v>
      </c>
      <c r="D497" s="8">
        <v>0</v>
      </c>
      <c r="E497" s="8">
        <v>0</v>
      </c>
      <c r="F497" s="8">
        <v>0</v>
      </c>
      <c r="G497" s="8">
        <v>0</v>
      </c>
      <c r="H497" s="8">
        <v>0</v>
      </c>
      <c r="I497" s="8">
        <v>0</v>
      </c>
      <c r="J497" s="8">
        <v>0</v>
      </c>
    </row>
    <row r="498" spans="2:10" ht="15" customHeight="1">
      <c r="B498" s="16" t="s">
        <v>80</v>
      </c>
      <c r="C498" s="20">
        <v>0</v>
      </c>
      <c r="D498" s="20">
        <v>0</v>
      </c>
      <c r="E498" s="20">
        <v>0</v>
      </c>
      <c r="F498" s="20">
        <v>0</v>
      </c>
      <c r="G498" s="20">
        <v>0</v>
      </c>
      <c r="H498" s="20">
        <v>0</v>
      </c>
      <c r="I498" s="20">
        <v>0</v>
      </c>
      <c r="J498" s="20">
        <v>0</v>
      </c>
    </row>
    <row r="499" spans="2:10" ht="15" customHeight="1">
      <c r="B499" s="14" t="s">
        <v>83</v>
      </c>
      <c r="C499" s="21">
        <v>0</v>
      </c>
      <c r="D499" s="21">
        <v>0</v>
      </c>
      <c r="E499" s="21">
        <v>0</v>
      </c>
      <c r="F499" s="21">
        <v>0</v>
      </c>
      <c r="G499" s="21">
        <v>0</v>
      </c>
      <c r="H499" s="21">
        <v>0</v>
      </c>
      <c r="I499" s="21">
        <v>0</v>
      </c>
      <c r="J499" s="21">
        <v>0</v>
      </c>
    </row>
    <row r="500" spans="2:10" ht="15" customHeight="1">
      <c r="B500" s="14" t="s">
        <v>84</v>
      </c>
      <c r="C500" s="21">
        <v>0</v>
      </c>
      <c r="D500" s="21">
        <v>0</v>
      </c>
      <c r="E500" s="21">
        <v>0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</row>
    <row r="502" spans="2:10" ht="15" customHeight="1">
      <c r="B502" s="19" t="str">
        <f>Aeronaves!B502</f>
        <v>PLANILHA ELABORADA EM 26/04/2018</v>
      </c>
    </row>
  </sheetData>
  <mergeCells count="2">
    <mergeCell ref="C2:J2"/>
    <mergeCell ref="B3:J3"/>
  </mergeCells>
  <pageMargins left="0.78740157499999996" right="0.78740157499999996" top="0.984251969" bottom="0.984251969" header="0.4921259845" footer="0.4921259845"/>
  <pageSetup paperSize="9" orientation="portrait" verticalDpi="0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H557"/>
  <sheetViews>
    <sheetView showGridLines="0" zoomScale="90" zoomScaleNormal="90" workbookViewId="0">
      <pane xSplit="2" ySplit="5" topLeftCell="C6" activePane="bottomRight" state="frozen"/>
      <selection pane="topRight" activeCell="C1" sqref="C1"/>
      <selection pane="bottomLeft" activeCell="A6" sqref="A6"/>
      <selection pane="bottomRight" activeCell="L11" sqref="L11"/>
    </sheetView>
  </sheetViews>
  <sheetFormatPr defaultRowHeight="15" customHeight="1"/>
  <cols>
    <col min="1" max="1" width="2" style="1" customWidth="1"/>
    <col min="2" max="2" width="52.7109375" style="1" customWidth="1"/>
    <col min="3" max="4" width="18.5703125" style="1" bestFit="1" customWidth="1"/>
    <col min="5" max="5" width="22.140625" style="1" bestFit="1" customWidth="1"/>
    <col min="6" max="6" width="22" style="1" bestFit="1" customWidth="1"/>
    <col min="7" max="8" width="22.5703125" style="1" bestFit="1" customWidth="1"/>
    <col min="9" max="16384" width="9.140625" style="1"/>
  </cols>
  <sheetData>
    <row r="2" spans="2:8" ht="18.75">
      <c r="B2" s="22" t="s">
        <v>89</v>
      </c>
      <c r="C2" s="22"/>
      <c r="D2" s="22"/>
      <c r="E2" s="22"/>
      <c r="F2" s="22"/>
      <c r="G2" s="22"/>
      <c r="H2" s="22"/>
    </row>
    <row r="3" spans="2:8" ht="15.75">
      <c r="B3" s="23" t="s">
        <v>93</v>
      </c>
      <c r="C3" s="23"/>
      <c r="D3" s="23"/>
      <c r="E3" s="23"/>
      <c r="F3" s="23"/>
      <c r="G3" s="23"/>
      <c r="H3" s="23"/>
    </row>
    <row r="4" spans="2:8" ht="8.25" customHeight="1">
      <c r="B4" s="3"/>
    </row>
    <row r="5" spans="2:8" ht="15" customHeight="1">
      <c r="B5" s="4" t="s">
        <v>0</v>
      </c>
      <c r="C5" s="4" t="s">
        <v>15</v>
      </c>
      <c r="D5" s="4" t="s">
        <v>16</v>
      </c>
      <c r="E5" s="4" t="s">
        <v>17</v>
      </c>
      <c r="F5" s="4" t="s">
        <v>18</v>
      </c>
      <c r="G5" s="4" t="s">
        <v>19</v>
      </c>
      <c r="H5" s="4" t="s">
        <v>20</v>
      </c>
    </row>
    <row r="6" spans="2:8" ht="15" customHeight="1">
      <c r="B6" s="5" t="s">
        <v>74</v>
      </c>
      <c r="C6" s="11">
        <v>3433003</v>
      </c>
      <c r="D6" s="11">
        <v>10461701</v>
      </c>
      <c r="E6" s="11">
        <v>3381084</v>
      </c>
      <c r="F6" s="11">
        <v>10292695</v>
      </c>
      <c r="G6" s="11">
        <v>6814087</v>
      </c>
      <c r="H6" s="11">
        <v>20754396</v>
      </c>
    </row>
    <row r="7" spans="2:8" ht="15" customHeight="1">
      <c r="B7" s="16" t="s">
        <v>75</v>
      </c>
      <c r="C7" s="17">
        <v>3326443</v>
      </c>
      <c r="D7" s="17">
        <v>9997213</v>
      </c>
      <c r="E7" s="17">
        <v>3287200</v>
      </c>
      <c r="F7" s="17">
        <v>9863635</v>
      </c>
      <c r="G7" s="17">
        <v>6613643</v>
      </c>
      <c r="H7" s="17">
        <v>19860848</v>
      </c>
    </row>
    <row r="8" spans="2:8" ht="15" customHeight="1">
      <c r="B8" s="7" t="s">
        <v>85</v>
      </c>
      <c r="C8" s="12">
        <v>3281400</v>
      </c>
      <c r="D8" s="12">
        <v>9861079</v>
      </c>
      <c r="E8" s="12">
        <v>3246909</v>
      </c>
      <c r="F8" s="12">
        <v>9732519</v>
      </c>
      <c r="G8" s="12">
        <v>6528309</v>
      </c>
      <c r="H8" s="12">
        <v>19593598</v>
      </c>
    </row>
    <row r="9" spans="2:8" ht="15" customHeight="1">
      <c r="B9" s="9" t="s">
        <v>77</v>
      </c>
      <c r="C9" s="13">
        <v>2987454</v>
      </c>
      <c r="D9" s="13">
        <v>8978201</v>
      </c>
      <c r="E9" s="13">
        <v>2972357</v>
      </c>
      <c r="F9" s="13">
        <v>8917487</v>
      </c>
      <c r="G9" s="13">
        <v>5959811</v>
      </c>
      <c r="H9" s="13">
        <v>17895688</v>
      </c>
    </row>
    <row r="10" spans="2:8" ht="15" customHeight="1">
      <c r="B10" s="9" t="s">
        <v>78</v>
      </c>
      <c r="C10" s="13">
        <v>293946</v>
      </c>
      <c r="D10" s="13">
        <v>882878</v>
      </c>
      <c r="E10" s="13">
        <v>274552</v>
      </c>
      <c r="F10" s="13">
        <v>815032</v>
      </c>
      <c r="G10" s="13">
        <v>568498</v>
      </c>
      <c r="H10" s="13">
        <v>1697910</v>
      </c>
    </row>
    <row r="11" spans="2:8" ht="15" customHeight="1">
      <c r="B11" s="7" t="s">
        <v>86</v>
      </c>
      <c r="C11" s="12">
        <v>44607</v>
      </c>
      <c r="D11" s="12">
        <v>133543</v>
      </c>
      <c r="E11" s="12">
        <v>39950</v>
      </c>
      <c r="F11" s="12">
        <v>127964</v>
      </c>
      <c r="G11" s="12">
        <v>84557</v>
      </c>
      <c r="H11" s="12">
        <v>261507</v>
      </c>
    </row>
    <row r="12" spans="2:8" ht="15" customHeight="1">
      <c r="B12" s="7" t="s">
        <v>87</v>
      </c>
      <c r="C12" s="12">
        <v>436</v>
      </c>
      <c r="D12" s="12">
        <v>2591</v>
      </c>
      <c r="E12" s="12">
        <v>341</v>
      </c>
      <c r="F12" s="12">
        <v>3152</v>
      </c>
      <c r="G12" s="12">
        <v>777</v>
      </c>
      <c r="H12" s="12">
        <v>5743</v>
      </c>
    </row>
    <row r="13" spans="2:8" ht="15" customHeight="1">
      <c r="B13" s="16" t="s">
        <v>80</v>
      </c>
      <c r="C13" s="17">
        <v>106560</v>
      </c>
      <c r="D13" s="17">
        <v>464488</v>
      </c>
      <c r="E13" s="17">
        <v>93884</v>
      </c>
      <c r="F13" s="17">
        <v>429060</v>
      </c>
      <c r="G13" s="17">
        <v>200444</v>
      </c>
      <c r="H13" s="17">
        <v>893548</v>
      </c>
    </row>
    <row r="14" spans="2:8" ht="15" customHeight="1">
      <c r="B14" s="14" t="s">
        <v>85</v>
      </c>
      <c r="C14" s="15">
        <v>105721</v>
      </c>
      <c r="D14" s="15">
        <v>460325</v>
      </c>
      <c r="E14" s="15">
        <v>93050</v>
      </c>
      <c r="F14" s="15">
        <v>424841</v>
      </c>
      <c r="G14" s="15">
        <v>198771</v>
      </c>
      <c r="H14" s="15">
        <v>885166</v>
      </c>
    </row>
    <row r="15" spans="2:8" ht="15" customHeight="1">
      <c r="B15" s="14" t="s">
        <v>86</v>
      </c>
      <c r="C15" s="15">
        <v>839</v>
      </c>
      <c r="D15" s="15">
        <v>4163</v>
      </c>
      <c r="E15" s="15">
        <v>834</v>
      </c>
      <c r="F15" s="15">
        <v>4219</v>
      </c>
      <c r="G15" s="15">
        <v>1673</v>
      </c>
      <c r="H15" s="15">
        <v>8382</v>
      </c>
    </row>
    <row r="16" spans="2:8" ht="15" customHeight="1">
      <c r="B16" s="5" t="s">
        <v>21</v>
      </c>
      <c r="C16" s="11">
        <v>52234</v>
      </c>
      <c r="D16" s="11">
        <v>159070</v>
      </c>
      <c r="E16" s="11">
        <v>49732</v>
      </c>
      <c r="F16" s="11">
        <v>148613</v>
      </c>
      <c r="G16" s="11">
        <v>101966</v>
      </c>
      <c r="H16" s="11">
        <v>307683</v>
      </c>
    </row>
    <row r="17" spans="2:8" ht="15" customHeight="1">
      <c r="B17" s="16" t="s">
        <v>75</v>
      </c>
      <c r="C17" s="17">
        <v>52059</v>
      </c>
      <c r="D17" s="17">
        <v>156870</v>
      </c>
      <c r="E17" s="17">
        <v>49525</v>
      </c>
      <c r="F17" s="17">
        <v>146687</v>
      </c>
      <c r="G17" s="17">
        <v>101584</v>
      </c>
      <c r="H17" s="17">
        <v>303557</v>
      </c>
    </row>
    <row r="18" spans="2:8" ht="15" customHeight="1">
      <c r="B18" s="7" t="s">
        <v>85</v>
      </c>
      <c r="C18" s="12">
        <v>52050</v>
      </c>
      <c r="D18" s="12">
        <v>156784</v>
      </c>
      <c r="E18" s="12">
        <v>49517</v>
      </c>
      <c r="F18" s="12">
        <v>146638</v>
      </c>
      <c r="G18" s="12">
        <v>101567</v>
      </c>
      <c r="H18" s="12">
        <v>303422</v>
      </c>
    </row>
    <row r="19" spans="2:8" ht="15" customHeight="1">
      <c r="B19" s="9" t="s">
        <v>77</v>
      </c>
      <c r="C19" s="13">
        <v>52050</v>
      </c>
      <c r="D19" s="13">
        <v>156784</v>
      </c>
      <c r="E19" s="13">
        <v>49517</v>
      </c>
      <c r="F19" s="13">
        <v>146638</v>
      </c>
      <c r="G19" s="13">
        <v>101567</v>
      </c>
      <c r="H19" s="13">
        <v>303422</v>
      </c>
    </row>
    <row r="20" spans="2:8" ht="15" customHeight="1">
      <c r="B20" s="9" t="s">
        <v>78</v>
      </c>
      <c r="C20" s="13">
        <v>0</v>
      </c>
      <c r="D20" s="13">
        <v>0</v>
      </c>
      <c r="E20" s="13">
        <v>0</v>
      </c>
      <c r="F20" s="13">
        <v>0</v>
      </c>
      <c r="G20" s="13">
        <v>0</v>
      </c>
      <c r="H20" s="13">
        <v>0</v>
      </c>
    </row>
    <row r="21" spans="2:8" ht="15" customHeight="1">
      <c r="B21" s="7" t="s">
        <v>86</v>
      </c>
      <c r="C21" s="12">
        <v>0</v>
      </c>
      <c r="D21" s="12">
        <v>1</v>
      </c>
      <c r="E21" s="12">
        <v>1</v>
      </c>
      <c r="F21" s="12">
        <v>1</v>
      </c>
      <c r="G21" s="12">
        <v>1</v>
      </c>
      <c r="H21" s="12">
        <v>2</v>
      </c>
    </row>
    <row r="22" spans="2:8" ht="15" customHeight="1">
      <c r="B22" s="7" t="s">
        <v>87</v>
      </c>
      <c r="C22" s="12">
        <v>9</v>
      </c>
      <c r="D22" s="12">
        <v>85</v>
      </c>
      <c r="E22" s="12">
        <v>7</v>
      </c>
      <c r="F22" s="12">
        <v>48</v>
      </c>
      <c r="G22" s="12">
        <v>16</v>
      </c>
      <c r="H22" s="12">
        <v>133</v>
      </c>
    </row>
    <row r="23" spans="2:8" ht="15" customHeight="1">
      <c r="B23" s="16" t="s">
        <v>80</v>
      </c>
      <c r="C23" s="17">
        <v>175</v>
      </c>
      <c r="D23" s="17">
        <v>2200</v>
      </c>
      <c r="E23" s="17">
        <v>207</v>
      </c>
      <c r="F23" s="17">
        <v>1926</v>
      </c>
      <c r="G23" s="17">
        <v>382</v>
      </c>
      <c r="H23" s="17">
        <v>4126</v>
      </c>
    </row>
    <row r="24" spans="2:8" ht="15" customHeight="1">
      <c r="B24" s="14" t="s">
        <v>85</v>
      </c>
      <c r="C24" s="15">
        <v>175</v>
      </c>
      <c r="D24" s="15">
        <v>2200</v>
      </c>
      <c r="E24" s="15">
        <v>207</v>
      </c>
      <c r="F24" s="15">
        <v>1926</v>
      </c>
      <c r="G24" s="15">
        <v>382</v>
      </c>
      <c r="H24" s="15">
        <v>4126</v>
      </c>
    </row>
    <row r="25" spans="2:8" ht="15" customHeight="1">
      <c r="B25" s="14" t="s">
        <v>86</v>
      </c>
      <c r="C25" s="15">
        <v>0</v>
      </c>
      <c r="D25" s="15">
        <v>0</v>
      </c>
      <c r="E25" s="15">
        <v>0</v>
      </c>
      <c r="F25" s="15">
        <v>0</v>
      </c>
      <c r="G25" s="15">
        <v>0</v>
      </c>
      <c r="H25" s="15">
        <v>0</v>
      </c>
    </row>
    <row r="26" spans="2:8" ht="15" customHeight="1">
      <c r="B26" s="5" t="s">
        <v>22</v>
      </c>
      <c r="C26" s="11">
        <v>130572</v>
      </c>
      <c r="D26" s="11">
        <v>416584</v>
      </c>
      <c r="E26" s="11">
        <v>126701</v>
      </c>
      <c r="F26" s="11">
        <v>402687</v>
      </c>
      <c r="G26" s="11">
        <v>257273</v>
      </c>
      <c r="H26" s="11">
        <v>819271</v>
      </c>
    </row>
    <row r="27" spans="2:8" ht="15" customHeight="1">
      <c r="B27" s="16" t="s">
        <v>75</v>
      </c>
      <c r="C27" s="17">
        <v>127632</v>
      </c>
      <c r="D27" s="17">
        <v>408311</v>
      </c>
      <c r="E27" s="17">
        <v>122843</v>
      </c>
      <c r="F27" s="17">
        <v>390712</v>
      </c>
      <c r="G27" s="17">
        <v>250475</v>
      </c>
      <c r="H27" s="17">
        <v>799023</v>
      </c>
    </row>
    <row r="28" spans="2:8" ht="15" customHeight="1">
      <c r="B28" s="7" t="s">
        <v>85</v>
      </c>
      <c r="C28" s="12">
        <v>120734</v>
      </c>
      <c r="D28" s="12">
        <v>386690</v>
      </c>
      <c r="E28" s="12">
        <v>116729</v>
      </c>
      <c r="F28" s="12">
        <v>370778</v>
      </c>
      <c r="G28" s="12">
        <v>237463</v>
      </c>
      <c r="H28" s="12">
        <v>757468</v>
      </c>
    </row>
    <row r="29" spans="2:8" ht="15" customHeight="1">
      <c r="B29" s="9" t="s">
        <v>77</v>
      </c>
      <c r="C29" s="13">
        <v>120734</v>
      </c>
      <c r="D29" s="13">
        <v>386690</v>
      </c>
      <c r="E29" s="13">
        <v>116729</v>
      </c>
      <c r="F29" s="13">
        <v>370778</v>
      </c>
      <c r="G29" s="13">
        <v>237463</v>
      </c>
      <c r="H29" s="13">
        <v>757468</v>
      </c>
    </row>
    <row r="30" spans="2:8" ht="15" customHeight="1">
      <c r="B30" s="9" t="s">
        <v>78</v>
      </c>
      <c r="C30" s="13">
        <v>0</v>
      </c>
      <c r="D30" s="13">
        <v>0</v>
      </c>
      <c r="E30" s="13">
        <v>0</v>
      </c>
      <c r="F30" s="13">
        <v>0</v>
      </c>
      <c r="G30" s="13">
        <v>0</v>
      </c>
      <c r="H30" s="13">
        <v>0</v>
      </c>
    </row>
    <row r="31" spans="2:8" ht="15" customHeight="1">
      <c r="B31" s="7" t="s">
        <v>86</v>
      </c>
      <c r="C31" s="12">
        <v>6799</v>
      </c>
      <c r="D31" s="12">
        <v>21315</v>
      </c>
      <c r="E31" s="12">
        <v>6114</v>
      </c>
      <c r="F31" s="12">
        <v>19811</v>
      </c>
      <c r="G31" s="12">
        <v>12913</v>
      </c>
      <c r="H31" s="12">
        <v>41126</v>
      </c>
    </row>
    <row r="32" spans="2:8" ht="15" customHeight="1">
      <c r="B32" s="7" t="s">
        <v>87</v>
      </c>
      <c r="C32" s="12">
        <v>99</v>
      </c>
      <c r="D32" s="12">
        <v>306</v>
      </c>
      <c r="E32" s="12">
        <v>0</v>
      </c>
      <c r="F32" s="12">
        <v>123</v>
      </c>
      <c r="G32" s="12">
        <v>99</v>
      </c>
      <c r="H32" s="12">
        <v>429</v>
      </c>
    </row>
    <row r="33" spans="2:8" ht="15" customHeight="1">
      <c r="B33" s="16" t="s">
        <v>80</v>
      </c>
      <c r="C33" s="17">
        <v>2940</v>
      </c>
      <c r="D33" s="17">
        <v>8273</v>
      </c>
      <c r="E33" s="17">
        <v>3858</v>
      </c>
      <c r="F33" s="17">
        <v>11975</v>
      </c>
      <c r="G33" s="17">
        <v>6798</v>
      </c>
      <c r="H33" s="17">
        <v>20248</v>
      </c>
    </row>
    <row r="34" spans="2:8" ht="15" customHeight="1">
      <c r="B34" s="14" t="s">
        <v>85</v>
      </c>
      <c r="C34" s="15">
        <v>2939</v>
      </c>
      <c r="D34" s="15">
        <v>8039</v>
      </c>
      <c r="E34" s="15">
        <v>3854</v>
      </c>
      <c r="F34" s="15">
        <v>11737</v>
      </c>
      <c r="G34" s="15">
        <v>6793</v>
      </c>
      <c r="H34" s="15">
        <v>19776</v>
      </c>
    </row>
    <row r="35" spans="2:8" ht="15" customHeight="1">
      <c r="B35" s="14" t="s">
        <v>86</v>
      </c>
      <c r="C35" s="15">
        <v>1</v>
      </c>
      <c r="D35" s="15">
        <v>234</v>
      </c>
      <c r="E35" s="15">
        <v>4</v>
      </c>
      <c r="F35" s="15">
        <v>238</v>
      </c>
      <c r="G35" s="15">
        <v>5</v>
      </c>
      <c r="H35" s="15">
        <v>472</v>
      </c>
    </row>
    <row r="36" spans="2:8" ht="15" customHeight="1">
      <c r="B36" s="5" t="s">
        <v>23</v>
      </c>
      <c r="C36" s="11">
        <v>117</v>
      </c>
      <c r="D36" s="11">
        <v>230</v>
      </c>
      <c r="E36" s="11">
        <v>128</v>
      </c>
      <c r="F36" s="11">
        <v>240</v>
      </c>
      <c r="G36" s="11">
        <v>245</v>
      </c>
      <c r="H36" s="11">
        <v>470</v>
      </c>
    </row>
    <row r="37" spans="2:8" ht="15" customHeight="1">
      <c r="B37" s="16" t="s">
        <v>75</v>
      </c>
      <c r="C37" s="17">
        <v>0</v>
      </c>
      <c r="D37" s="17">
        <v>0</v>
      </c>
      <c r="E37" s="17">
        <v>0</v>
      </c>
      <c r="F37" s="17">
        <v>0</v>
      </c>
      <c r="G37" s="17">
        <v>0</v>
      </c>
      <c r="H37" s="17">
        <v>0</v>
      </c>
    </row>
    <row r="38" spans="2:8" ht="15" customHeight="1">
      <c r="B38" s="7" t="s">
        <v>85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</row>
    <row r="39" spans="2:8" ht="15" customHeight="1">
      <c r="B39" s="9" t="s">
        <v>77</v>
      </c>
      <c r="C39" s="13">
        <v>0</v>
      </c>
      <c r="D39" s="13">
        <v>0</v>
      </c>
      <c r="E39" s="13">
        <v>0</v>
      </c>
      <c r="F39" s="13">
        <v>0</v>
      </c>
      <c r="G39" s="13">
        <v>0</v>
      </c>
      <c r="H39" s="13">
        <v>0</v>
      </c>
    </row>
    <row r="40" spans="2:8" ht="15" customHeight="1">
      <c r="B40" s="9" t="s">
        <v>78</v>
      </c>
      <c r="C40" s="13">
        <v>0</v>
      </c>
      <c r="D40" s="13">
        <v>0</v>
      </c>
      <c r="E40" s="13">
        <v>0</v>
      </c>
      <c r="F40" s="13">
        <v>0</v>
      </c>
      <c r="G40" s="13">
        <v>0</v>
      </c>
      <c r="H40" s="13">
        <v>0</v>
      </c>
    </row>
    <row r="41" spans="2:8" ht="15" customHeight="1">
      <c r="B41" s="7" t="s">
        <v>86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</row>
    <row r="42" spans="2:8" ht="15" customHeight="1">
      <c r="B42" s="7" t="s">
        <v>87</v>
      </c>
      <c r="C42" s="12">
        <v>0</v>
      </c>
      <c r="D42" s="12">
        <v>0</v>
      </c>
      <c r="E42" s="12">
        <v>0</v>
      </c>
      <c r="F42" s="12">
        <v>0</v>
      </c>
      <c r="G42" s="12">
        <v>0</v>
      </c>
      <c r="H42" s="12">
        <v>0</v>
      </c>
    </row>
    <row r="43" spans="2:8" ht="15" customHeight="1">
      <c r="B43" s="16" t="s">
        <v>80</v>
      </c>
      <c r="C43" s="17">
        <v>117</v>
      </c>
      <c r="D43" s="17">
        <v>230</v>
      </c>
      <c r="E43" s="17">
        <v>128</v>
      </c>
      <c r="F43" s="17">
        <v>240</v>
      </c>
      <c r="G43" s="17">
        <v>245</v>
      </c>
      <c r="H43" s="17">
        <v>470</v>
      </c>
    </row>
    <row r="44" spans="2:8" ht="15" customHeight="1">
      <c r="B44" s="14" t="s">
        <v>85</v>
      </c>
      <c r="C44" s="15">
        <v>95</v>
      </c>
      <c r="D44" s="15">
        <v>208</v>
      </c>
      <c r="E44" s="15">
        <v>109</v>
      </c>
      <c r="F44" s="15">
        <v>219</v>
      </c>
      <c r="G44" s="15">
        <v>204</v>
      </c>
      <c r="H44" s="15">
        <v>427</v>
      </c>
    </row>
    <row r="45" spans="2:8" ht="15" customHeight="1">
      <c r="B45" s="14" t="s">
        <v>86</v>
      </c>
      <c r="C45" s="15">
        <v>22</v>
      </c>
      <c r="D45" s="15">
        <v>22</v>
      </c>
      <c r="E45" s="15">
        <v>19</v>
      </c>
      <c r="F45" s="15">
        <v>21</v>
      </c>
      <c r="G45" s="15">
        <v>41</v>
      </c>
      <c r="H45" s="15">
        <v>43</v>
      </c>
    </row>
    <row r="46" spans="2:8" ht="15" customHeight="1">
      <c r="B46" s="5" t="s">
        <v>73</v>
      </c>
      <c r="C46" s="11">
        <v>10153</v>
      </c>
      <c r="D46" s="11">
        <v>28044</v>
      </c>
      <c r="E46" s="11">
        <v>10084</v>
      </c>
      <c r="F46" s="11">
        <v>27964</v>
      </c>
      <c r="G46" s="11">
        <v>20237</v>
      </c>
      <c r="H46" s="11">
        <v>56008</v>
      </c>
    </row>
    <row r="47" spans="2:8" ht="15" customHeight="1">
      <c r="B47" s="16" t="s">
        <v>75</v>
      </c>
      <c r="C47" s="17">
        <v>2781</v>
      </c>
      <c r="D47" s="17">
        <v>7815</v>
      </c>
      <c r="E47" s="17">
        <v>2702</v>
      </c>
      <c r="F47" s="17">
        <v>7709</v>
      </c>
      <c r="G47" s="17">
        <v>5483</v>
      </c>
      <c r="H47" s="17">
        <v>15524</v>
      </c>
    </row>
    <row r="48" spans="2:8" ht="15" customHeight="1">
      <c r="B48" s="7" t="s">
        <v>85</v>
      </c>
      <c r="C48" s="12">
        <v>2781</v>
      </c>
      <c r="D48" s="12">
        <v>7815</v>
      </c>
      <c r="E48" s="12">
        <v>2702</v>
      </c>
      <c r="F48" s="12">
        <v>7709</v>
      </c>
      <c r="G48" s="12">
        <v>5483</v>
      </c>
      <c r="H48" s="12">
        <v>15524</v>
      </c>
    </row>
    <row r="49" spans="2:8" ht="15" customHeight="1">
      <c r="B49" s="9" t="s">
        <v>77</v>
      </c>
      <c r="C49" s="13">
        <v>0</v>
      </c>
      <c r="D49" s="13">
        <v>0</v>
      </c>
      <c r="E49" s="13">
        <v>0</v>
      </c>
      <c r="F49" s="13">
        <v>0</v>
      </c>
      <c r="G49" s="13">
        <v>0</v>
      </c>
      <c r="H49" s="13">
        <v>0</v>
      </c>
    </row>
    <row r="50" spans="2:8" ht="15" customHeight="1">
      <c r="B50" s="9" t="s">
        <v>78</v>
      </c>
      <c r="C50" s="13">
        <v>2781</v>
      </c>
      <c r="D50" s="13">
        <v>7815</v>
      </c>
      <c r="E50" s="13">
        <v>2702</v>
      </c>
      <c r="F50" s="13">
        <v>7709</v>
      </c>
      <c r="G50" s="13">
        <v>5483</v>
      </c>
      <c r="H50" s="13">
        <v>15524</v>
      </c>
    </row>
    <row r="51" spans="2:8" ht="15" customHeight="1">
      <c r="B51" s="7" t="s">
        <v>86</v>
      </c>
      <c r="C51" s="12">
        <v>0</v>
      </c>
      <c r="D51" s="12">
        <v>0</v>
      </c>
      <c r="E51" s="12">
        <v>0</v>
      </c>
      <c r="F51" s="12">
        <v>0</v>
      </c>
      <c r="G51" s="12">
        <v>0</v>
      </c>
      <c r="H51" s="12">
        <v>0</v>
      </c>
    </row>
    <row r="52" spans="2:8" ht="15" customHeight="1">
      <c r="B52" s="7" t="s">
        <v>87</v>
      </c>
      <c r="C52" s="12">
        <v>0</v>
      </c>
      <c r="D52" s="12">
        <v>0</v>
      </c>
      <c r="E52" s="12">
        <v>0</v>
      </c>
      <c r="F52" s="12">
        <v>0</v>
      </c>
      <c r="G52" s="12">
        <v>0</v>
      </c>
      <c r="H52" s="12">
        <v>0</v>
      </c>
    </row>
    <row r="53" spans="2:8" ht="15" customHeight="1">
      <c r="B53" s="16" t="s">
        <v>80</v>
      </c>
      <c r="C53" s="17">
        <v>7372</v>
      </c>
      <c r="D53" s="17">
        <v>20229</v>
      </c>
      <c r="E53" s="17">
        <v>7382</v>
      </c>
      <c r="F53" s="17">
        <v>20255</v>
      </c>
      <c r="G53" s="17">
        <v>14754</v>
      </c>
      <c r="H53" s="17">
        <v>40484</v>
      </c>
    </row>
    <row r="54" spans="2:8" ht="15" customHeight="1">
      <c r="B54" s="14" t="s">
        <v>85</v>
      </c>
      <c r="C54" s="15">
        <v>7328</v>
      </c>
      <c r="D54" s="15">
        <v>20173</v>
      </c>
      <c r="E54" s="15">
        <v>7338</v>
      </c>
      <c r="F54" s="15">
        <v>20199</v>
      </c>
      <c r="G54" s="15">
        <v>14666</v>
      </c>
      <c r="H54" s="15">
        <v>40372</v>
      </c>
    </row>
    <row r="55" spans="2:8" ht="15" customHeight="1">
      <c r="B55" s="14" t="s">
        <v>86</v>
      </c>
      <c r="C55" s="15">
        <v>44</v>
      </c>
      <c r="D55" s="15">
        <v>56</v>
      </c>
      <c r="E55" s="15">
        <v>44</v>
      </c>
      <c r="F55" s="15">
        <v>56</v>
      </c>
      <c r="G55" s="15">
        <v>88</v>
      </c>
      <c r="H55" s="15">
        <v>112</v>
      </c>
    </row>
    <row r="56" spans="2:8" ht="15" customHeight="1">
      <c r="B56" s="5" t="s">
        <v>24</v>
      </c>
      <c r="C56" s="11">
        <v>4571</v>
      </c>
      <c r="D56" s="11">
        <v>5162</v>
      </c>
      <c r="E56" s="11">
        <v>4542</v>
      </c>
      <c r="F56" s="11">
        <v>4542</v>
      </c>
      <c r="G56" s="11">
        <v>9113</v>
      </c>
      <c r="H56" s="11">
        <v>9704</v>
      </c>
    </row>
    <row r="57" spans="2:8" ht="15" customHeight="1">
      <c r="B57" s="16" t="s">
        <v>75</v>
      </c>
      <c r="C57" s="17">
        <v>0</v>
      </c>
      <c r="D57" s="17">
        <v>0</v>
      </c>
      <c r="E57" s="17">
        <v>0</v>
      </c>
      <c r="F57" s="17">
        <v>0</v>
      </c>
      <c r="G57" s="17">
        <v>0</v>
      </c>
      <c r="H57" s="17">
        <v>0</v>
      </c>
    </row>
    <row r="58" spans="2:8" ht="15" customHeight="1">
      <c r="B58" s="7" t="s">
        <v>85</v>
      </c>
      <c r="C58" s="12">
        <v>0</v>
      </c>
      <c r="D58" s="12">
        <v>0</v>
      </c>
      <c r="E58" s="12">
        <v>0</v>
      </c>
      <c r="F58" s="12">
        <v>0</v>
      </c>
      <c r="G58" s="12">
        <v>0</v>
      </c>
      <c r="H58" s="12">
        <v>0</v>
      </c>
    </row>
    <row r="59" spans="2:8" ht="15" customHeight="1">
      <c r="B59" s="9" t="s">
        <v>77</v>
      </c>
      <c r="C59" s="13">
        <v>0</v>
      </c>
      <c r="D59" s="13">
        <v>0</v>
      </c>
      <c r="E59" s="13">
        <v>0</v>
      </c>
      <c r="F59" s="13">
        <v>0</v>
      </c>
      <c r="G59" s="13">
        <v>0</v>
      </c>
      <c r="H59" s="13">
        <v>0</v>
      </c>
    </row>
    <row r="60" spans="2:8" ht="15" customHeight="1">
      <c r="B60" s="9" t="s">
        <v>78</v>
      </c>
      <c r="C60" s="13">
        <v>0</v>
      </c>
      <c r="D60" s="13">
        <v>0</v>
      </c>
      <c r="E60" s="13">
        <v>0</v>
      </c>
      <c r="F60" s="13">
        <v>0</v>
      </c>
      <c r="G60" s="13">
        <v>0</v>
      </c>
      <c r="H60" s="13">
        <v>0</v>
      </c>
    </row>
    <row r="61" spans="2:8" ht="15" customHeight="1">
      <c r="B61" s="7" t="s">
        <v>86</v>
      </c>
      <c r="C61" s="12">
        <v>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</row>
    <row r="62" spans="2:8" ht="15" customHeight="1">
      <c r="B62" s="7" t="s">
        <v>87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</row>
    <row r="63" spans="2:8" ht="15" customHeight="1">
      <c r="B63" s="16" t="s">
        <v>80</v>
      </c>
      <c r="C63" s="17">
        <v>4571</v>
      </c>
      <c r="D63" s="17">
        <v>5162</v>
      </c>
      <c r="E63" s="17">
        <v>4542</v>
      </c>
      <c r="F63" s="17">
        <v>4542</v>
      </c>
      <c r="G63" s="17">
        <v>9113</v>
      </c>
      <c r="H63" s="17">
        <v>9704</v>
      </c>
    </row>
    <row r="64" spans="2:8" ht="15" customHeight="1">
      <c r="B64" s="14" t="s">
        <v>85</v>
      </c>
      <c r="C64" s="15">
        <v>4571</v>
      </c>
      <c r="D64" s="15">
        <v>5162</v>
      </c>
      <c r="E64" s="15">
        <v>4542</v>
      </c>
      <c r="F64" s="15">
        <v>4542</v>
      </c>
      <c r="G64" s="15">
        <v>9113</v>
      </c>
      <c r="H64" s="15">
        <v>9704</v>
      </c>
    </row>
    <row r="65" spans="2:8" ht="15" customHeight="1">
      <c r="B65" s="14" t="s">
        <v>86</v>
      </c>
      <c r="C65" s="15">
        <v>0</v>
      </c>
      <c r="D65" s="15">
        <v>0</v>
      </c>
      <c r="E65" s="15">
        <v>0</v>
      </c>
      <c r="F65" s="15">
        <v>0</v>
      </c>
      <c r="G65" s="15">
        <v>0</v>
      </c>
      <c r="H65" s="15">
        <v>0</v>
      </c>
    </row>
    <row r="66" spans="2:8" ht="15" customHeight="1">
      <c r="B66" s="5" t="s">
        <v>25</v>
      </c>
      <c r="C66" s="11">
        <v>13254</v>
      </c>
      <c r="D66" s="11">
        <v>36831</v>
      </c>
      <c r="E66" s="11">
        <v>11232</v>
      </c>
      <c r="F66" s="11">
        <v>35004</v>
      </c>
      <c r="G66" s="11">
        <v>24486</v>
      </c>
      <c r="H66" s="11">
        <v>71835</v>
      </c>
    </row>
    <row r="67" spans="2:8" ht="15" customHeight="1">
      <c r="B67" s="16" t="s">
        <v>75</v>
      </c>
      <c r="C67" s="17">
        <v>12978</v>
      </c>
      <c r="D67" s="17">
        <v>36012</v>
      </c>
      <c r="E67" s="17">
        <v>11108</v>
      </c>
      <c r="F67" s="17">
        <v>34582</v>
      </c>
      <c r="G67" s="17">
        <v>24086</v>
      </c>
      <c r="H67" s="17">
        <v>70594</v>
      </c>
    </row>
    <row r="68" spans="2:8" ht="15" customHeight="1">
      <c r="B68" s="7" t="s">
        <v>85</v>
      </c>
      <c r="C68" s="12">
        <v>12978</v>
      </c>
      <c r="D68" s="12">
        <v>36012</v>
      </c>
      <c r="E68" s="12">
        <v>11108</v>
      </c>
      <c r="F68" s="12">
        <v>34582</v>
      </c>
      <c r="G68" s="12">
        <v>24086</v>
      </c>
      <c r="H68" s="12">
        <v>70594</v>
      </c>
    </row>
    <row r="69" spans="2:8" ht="15" customHeight="1">
      <c r="B69" s="9" t="s">
        <v>77</v>
      </c>
      <c r="C69" s="13">
        <v>12978</v>
      </c>
      <c r="D69" s="13">
        <v>36012</v>
      </c>
      <c r="E69" s="13">
        <v>11108</v>
      </c>
      <c r="F69" s="13">
        <v>34582</v>
      </c>
      <c r="G69" s="13">
        <v>24086</v>
      </c>
      <c r="H69" s="13">
        <v>70594</v>
      </c>
    </row>
    <row r="70" spans="2:8" ht="15" customHeight="1">
      <c r="B70" s="9" t="s">
        <v>78</v>
      </c>
      <c r="C70" s="13">
        <v>0</v>
      </c>
      <c r="D70" s="13">
        <v>0</v>
      </c>
      <c r="E70" s="13">
        <v>0</v>
      </c>
      <c r="F70" s="13">
        <v>0</v>
      </c>
      <c r="G70" s="13">
        <v>0</v>
      </c>
      <c r="H70" s="13">
        <v>0</v>
      </c>
    </row>
    <row r="71" spans="2:8" ht="15" customHeight="1">
      <c r="B71" s="7" t="s">
        <v>86</v>
      </c>
      <c r="C71" s="12">
        <v>0</v>
      </c>
      <c r="D71" s="12">
        <v>0</v>
      </c>
      <c r="E71" s="12">
        <v>0</v>
      </c>
      <c r="F71" s="12">
        <v>0</v>
      </c>
      <c r="G71" s="12">
        <v>0</v>
      </c>
      <c r="H71" s="12">
        <v>0</v>
      </c>
    </row>
    <row r="72" spans="2:8" ht="15" customHeight="1">
      <c r="B72" s="7" t="s">
        <v>87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</row>
    <row r="73" spans="2:8" ht="15" customHeight="1">
      <c r="B73" s="16" t="s">
        <v>80</v>
      </c>
      <c r="C73" s="17">
        <v>276</v>
      </c>
      <c r="D73" s="17">
        <v>819</v>
      </c>
      <c r="E73" s="17">
        <v>124</v>
      </c>
      <c r="F73" s="17">
        <v>422</v>
      </c>
      <c r="G73" s="17">
        <v>400</v>
      </c>
      <c r="H73" s="17">
        <v>1241</v>
      </c>
    </row>
    <row r="74" spans="2:8" ht="15" customHeight="1">
      <c r="B74" s="14" t="s">
        <v>85</v>
      </c>
      <c r="C74" s="15">
        <v>273</v>
      </c>
      <c r="D74" s="15">
        <v>814</v>
      </c>
      <c r="E74" s="15">
        <v>116</v>
      </c>
      <c r="F74" s="15">
        <v>404</v>
      </c>
      <c r="G74" s="15">
        <v>389</v>
      </c>
      <c r="H74" s="15">
        <v>1218</v>
      </c>
    </row>
    <row r="75" spans="2:8" ht="15" customHeight="1">
      <c r="B75" s="14" t="s">
        <v>86</v>
      </c>
      <c r="C75" s="15">
        <v>3</v>
      </c>
      <c r="D75" s="15">
        <v>5</v>
      </c>
      <c r="E75" s="15">
        <v>8</v>
      </c>
      <c r="F75" s="15">
        <v>18</v>
      </c>
      <c r="G75" s="15">
        <v>11</v>
      </c>
      <c r="H75" s="15">
        <v>23</v>
      </c>
    </row>
    <row r="76" spans="2:8" ht="15" customHeight="1">
      <c r="B76" s="5" t="s">
        <v>26</v>
      </c>
      <c r="C76" s="11">
        <v>63100</v>
      </c>
      <c r="D76" s="11">
        <v>192097</v>
      </c>
      <c r="E76" s="11">
        <v>64305</v>
      </c>
      <c r="F76" s="11">
        <v>198709</v>
      </c>
      <c r="G76" s="11">
        <v>127405</v>
      </c>
      <c r="H76" s="11">
        <v>390806</v>
      </c>
    </row>
    <row r="77" spans="2:8" ht="15" customHeight="1">
      <c r="B77" s="16" t="s">
        <v>75</v>
      </c>
      <c r="C77" s="17">
        <v>62623</v>
      </c>
      <c r="D77" s="17">
        <v>190700</v>
      </c>
      <c r="E77" s="17">
        <v>63978</v>
      </c>
      <c r="F77" s="17">
        <v>197692</v>
      </c>
      <c r="G77" s="17">
        <v>126601</v>
      </c>
      <c r="H77" s="17">
        <v>388392</v>
      </c>
    </row>
    <row r="78" spans="2:8" ht="15" customHeight="1">
      <c r="B78" s="7" t="s">
        <v>85</v>
      </c>
      <c r="C78" s="12">
        <v>62537</v>
      </c>
      <c r="D78" s="12">
        <v>190463</v>
      </c>
      <c r="E78" s="12">
        <v>63885</v>
      </c>
      <c r="F78" s="12">
        <v>197441</v>
      </c>
      <c r="G78" s="12">
        <v>126422</v>
      </c>
      <c r="H78" s="12">
        <v>387904</v>
      </c>
    </row>
    <row r="79" spans="2:8" ht="15" customHeight="1">
      <c r="B79" s="9" t="s">
        <v>77</v>
      </c>
      <c r="C79" s="13">
        <v>62537</v>
      </c>
      <c r="D79" s="13">
        <v>190463</v>
      </c>
      <c r="E79" s="13">
        <v>63885</v>
      </c>
      <c r="F79" s="13">
        <v>197441</v>
      </c>
      <c r="G79" s="13">
        <v>126422</v>
      </c>
      <c r="H79" s="13">
        <v>387904</v>
      </c>
    </row>
    <row r="80" spans="2:8" ht="15" customHeight="1">
      <c r="B80" s="9" t="s">
        <v>78</v>
      </c>
      <c r="C80" s="13">
        <v>0</v>
      </c>
      <c r="D80" s="13">
        <v>0</v>
      </c>
      <c r="E80" s="13">
        <v>0</v>
      </c>
      <c r="F80" s="13">
        <v>0</v>
      </c>
      <c r="G80" s="13">
        <v>0</v>
      </c>
      <c r="H80" s="13">
        <v>0</v>
      </c>
    </row>
    <row r="81" spans="2:8" ht="15" customHeight="1">
      <c r="B81" s="7" t="s">
        <v>86</v>
      </c>
      <c r="C81" s="12">
        <v>86</v>
      </c>
      <c r="D81" s="12">
        <v>237</v>
      </c>
      <c r="E81" s="12">
        <v>93</v>
      </c>
      <c r="F81" s="12">
        <v>251</v>
      </c>
      <c r="G81" s="12">
        <v>179</v>
      </c>
      <c r="H81" s="12">
        <v>488</v>
      </c>
    </row>
    <row r="82" spans="2:8" ht="15" customHeight="1">
      <c r="B82" s="7" t="s">
        <v>87</v>
      </c>
      <c r="C82" s="12">
        <v>0</v>
      </c>
      <c r="D82" s="12">
        <v>0</v>
      </c>
      <c r="E82" s="12">
        <v>0</v>
      </c>
      <c r="F82" s="12">
        <v>0</v>
      </c>
      <c r="G82" s="12">
        <v>0</v>
      </c>
      <c r="H82" s="12">
        <v>0</v>
      </c>
    </row>
    <row r="83" spans="2:8" ht="15" customHeight="1">
      <c r="B83" s="16" t="s">
        <v>80</v>
      </c>
      <c r="C83" s="17">
        <v>477</v>
      </c>
      <c r="D83" s="17">
        <v>1397</v>
      </c>
      <c r="E83" s="17">
        <v>327</v>
      </c>
      <c r="F83" s="17">
        <v>1017</v>
      </c>
      <c r="G83" s="17">
        <v>804</v>
      </c>
      <c r="H83" s="17">
        <v>2414</v>
      </c>
    </row>
    <row r="84" spans="2:8" ht="15" customHeight="1">
      <c r="B84" s="14" t="s">
        <v>85</v>
      </c>
      <c r="C84" s="15">
        <v>474</v>
      </c>
      <c r="D84" s="15">
        <v>1394</v>
      </c>
      <c r="E84" s="15">
        <v>317</v>
      </c>
      <c r="F84" s="15">
        <v>1007</v>
      </c>
      <c r="G84" s="15">
        <v>791</v>
      </c>
      <c r="H84" s="15">
        <v>2401</v>
      </c>
    </row>
    <row r="85" spans="2:8" ht="15" customHeight="1">
      <c r="B85" s="14" t="s">
        <v>86</v>
      </c>
      <c r="C85" s="15">
        <v>3</v>
      </c>
      <c r="D85" s="15">
        <v>3</v>
      </c>
      <c r="E85" s="15">
        <v>10</v>
      </c>
      <c r="F85" s="15">
        <v>10</v>
      </c>
      <c r="G85" s="15">
        <v>13</v>
      </c>
      <c r="H85" s="15">
        <v>13</v>
      </c>
    </row>
    <row r="86" spans="2:8" ht="15" customHeight="1">
      <c r="B86" s="5" t="s">
        <v>27</v>
      </c>
      <c r="C86" s="11">
        <v>5011</v>
      </c>
      <c r="D86" s="11">
        <v>14627</v>
      </c>
      <c r="E86" s="11">
        <v>4258</v>
      </c>
      <c r="F86" s="11">
        <v>13991</v>
      </c>
      <c r="G86" s="11">
        <v>9269</v>
      </c>
      <c r="H86" s="11">
        <v>28618</v>
      </c>
    </row>
    <row r="87" spans="2:8" ht="15" customHeight="1">
      <c r="B87" s="16" t="s">
        <v>75</v>
      </c>
      <c r="C87" s="17">
        <v>4610</v>
      </c>
      <c r="D87" s="17">
        <v>12504</v>
      </c>
      <c r="E87" s="17">
        <v>4060</v>
      </c>
      <c r="F87" s="17">
        <v>13133</v>
      </c>
      <c r="G87" s="17">
        <v>8670</v>
      </c>
      <c r="H87" s="17">
        <v>25637</v>
      </c>
    </row>
    <row r="88" spans="2:8" ht="15" customHeight="1">
      <c r="B88" s="7" t="s">
        <v>85</v>
      </c>
      <c r="C88" s="12">
        <v>4610</v>
      </c>
      <c r="D88" s="12">
        <v>12504</v>
      </c>
      <c r="E88" s="12">
        <v>4060</v>
      </c>
      <c r="F88" s="12">
        <v>13133</v>
      </c>
      <c r="G88" s="12">
        <v>8670</v>
      </c>
      <c r="H88" s="12">
        <v>25637</v>
      </c>
    </row>
    <row r="89" spans="2:8" ht="15" customHeight="1">
      <c r="B89" s="9" t="s">
        <v>77</v>
      </c>
      <c r="C89" s="13">
        <v>4610</v>
      </c>
      <c r="D89" s="13">
        <v>12504</v>
      </c>
      <c r="E89" s="13">
        <v>4060</v>
      </c>
      <c r="F89" s="13">
        <v>13133</v>
      </c>
      <c r="G89" s="13">
        <v>8670</v>
      </c>
      <c r="H89" s="13">
        <v>25637</v>
      </c>
    </row>
    <row r="90" spans="2:8" ht="15" customHeight="1">
      <c r="B90" s="9" t="s">
        <v>78</v>
      </c>
      <c r="C90" s="13">
        <v>0</v>
      </c>
      <c r="D90" s="13">
        <v>0</v>
      </c>
      <c r="E90" s="13">
        <v>0</v>
      </c>
      <c r="F90" s="13">
        <v>0</v>
      </c>
      <c r="G90" s="13">
        <v>0</v>
      </c>
      <c r="H90" s="13">
        <v>0</v>
      </c>
    </row>
    <row r="91" spans="2:8" ht="15" customHeight="1">
      <c r="B91" s="7" t="s">
        <v>86</v>
      </c>
      <c r="C91" s="12">
        <v>0</v>
      </c>
      <c r="D91" s="12">
        <v>0</v>
      </c>
      <c r="E91" s="12">
        <v>0</v>
      </c>
      <c r="F91" s="12">
        <v>0</v>
      </c>
      <c r="G91" s="12">
        <v>0</v>
      </c>
      <c r="H91" s="12">
        <v>0</v>
      </c>
    </row>
    <row r="92" spans="2:8" ht="15" customHeight="1">
      <c r="B92" s="7" t="s">
        <v>87</v>
      </c>
      <c r="C92" s="12">
        <v>0</v>
      </c>
      <c r="D92" s="12">
        <v>0</v>
      </c>
      <c r="E92" s="12">
        <v>0</v>
      </c>
      <c r="F92" s="12">
        <v>0</v>
      </c>
      <c r="G92" s="12">
        <v>0</v>
      </c>
      <c r="H92" s="12">
        <v>0</v>
      </c>
    </row>
    <row r="93" spans="2:8" ht="15" customHeight="1">
      <c r="B93" s="16" t="s">
        <v>80</v>
      </c>
      <c r="C93" s="17">
        <v>401</v>
      </c>
      <c r="D93" s="17">
        <v>2123</v>
      </c>
      <c r="E93" s="17">
        <v>198</v>
      </c>
      <c r="F93" s="17">
        <v>858</v>
      </c>
      <c r="G93" s="17">
        <v>599</v>
      </c>
      <c r="H93" s="17">
        <v>2981</v>
      </c>
    </row>
    <row r="94" spans="2:8" ht="15" customHeight="1">
      <c r="B94" s="14" t="s">
        <v>85</v>
      </c>
      <c r="C94" s="15">
        <v>401</v>
      </c>
      <c r="D94" s="15">
        <v>2123</v>
      </c>
      <c r="E94" s="15">
        <v>198</v>
      </c>
      <c r="F94" s="15">
        <v>858</v>
      </c>
      <c r="G94" s="15">
        <v>599</v>
      </c>
      <c r="H94" s="15">
        <v>2981</v>
      </c>
    </row>
    <row r="95" spans="2:8" ht="15" customHeight="1">
      <c r="B95" s="14" t="s">
        <v>86</v>
      </c>
      <c r="C95" s="15">
        <v>0</v>
      </c>
      <c r="D95" s="15">
        <v>0</v>
      </c>
      <c r="E95" s="15">
        <v>0</v>
      </c>
      <c r="F95" s="15">
        <v>0</v>
      </c>
      <c r="G95" s="15">
        <v>0</v>
      </c>
      <c r="H95" s="15">
        <v>0</v>
      </c>
    </row>
    <row r="96" spans="2:8" ht="15" customHeight="1">
      <c r="B96" s="5" t="s">
        <v>28</v>
      </c>
      <c r="C96" s="11">
        <v>1256</v>
      </c>
      <c r="D96" s="11">
        <v>3645</v>
      </c>
      <c r="E96" s="11">
        <v>1330</v>
      </c>
      <c r="F96" s="11">
        <v>3991</v>
      </c>
      <c r="G96" s="11">
        <v>2586</v>
      </c>
      <c r="H96" s="11">
        <v>7636</v>
      </c>
    </row>
    <row r="97" spans="2:8" ht="15" customHeight="1">
      <c r="B97" s="16" t="s">
        <v>75</v>
      </c>
      <c r="C97" s="17">
        <v>1079</v>
      </c>
      <c r="D97" s="17">
        <v>2616</v>
      </c>
      <c r="E97" s="17">
        <v>1212</v>
      </c>
      <c r="F97" s="17">
        <v>3166</v>
      </c>
      <c r="G97" s="17">
        <v>2291</v>
      </c>
      <c r="H97" s="17">
        <v>5782</v>
      </c>
    </row>
    <row r="98" spans="2:8" ht="15" customHeight="1">
      <c r="B98" s="7" t="s">
        <v>85</v>
      </c>
      <c r="C98" s="12">
        <v>1079</v>
      </c>
      <c r="D98" s="12">
        <v>2616</v>
      </c>
      <c r="E98" s="12">
        <v>1212</v>
      </c>
      <c r="F98" s="12">
        <v>3166</v>
      </c>
      <c r="G98" s="12">
        <v>2291</v>
      </c>
      <c r="H98" s="12">
        <v>5782</v>
      </c>
    </row>
    <row r="99" spans="2:8" ht="15" customHeight="1">
      <c r="B99" s="9" t="s">
        <v>77</v>
      </c>
      <c r="C99" s="13">
        <v>0</v>
      </c>
      <c r="D99" s="13">
        <v>390</v>
      </c>
      <c r="E99" s="13">
        <v>0</v>
      </c>
      <c r="F99" s="13">
        <v>348</v>
      </c>
      <c r="G99" s="13">
        <v>0</v>
      </c>
      <c r="H99" s="13">
        <v>738</v>
      </c>
    </row>
    <row r="100" spans="2:8" ht="15" customHeight="1">
      <c r="B100" s="9" t="s">
        <v>78</v>
      </c>
      <c r="C100" s="13">
        <v>1079</v>
      </c>
      <c r="D100" s="13">
        <v>2226</v>
      </c>
      <c r="E100" s="13">
        <v>1212</v>
      </c>
      <c r="F100" s="13">
        <v>2818</v>
      </c>
      <c r="G100" s="13">
        <v>2291</v>
      </c>
      <c r="H100" s="13">
        <v>5044</v>
      </c>
    </row>
    <row r="101" spans="2:8" ht="15" customHeight="1">
      <c r="B101" s="7" t="s">
        <v>86</v>
      </c>
      <c r="C101" s="12">
        <v>0</v>
      </c>
      <c r="D101" s="12">
        <v>0</v>
      </c>
      <c r="E101" s="12">
        <v>0</v>
      </c>
      <c r="F101" s="12">
        <v>0</v>
      </c>
      <c r="G101" s="12">
        <v>0</v>
      </c>
      <c r="H101" s="12">
        <v>0</v>
      </c>
    </row>
    <row r="102" spans="2:8" ht="15" customHeight="1">
      <c r="B102" s="7" t="s">
        <v>87</v>
      </c>
      <c r="C102" s="12">
        <v>0</v>
      </c>
      <c r="D102" s="12">
        <v>0</v>
      </c>
      <c r="E102" s="12">
        <v>0</v>
      </c>
      <c r="F102" s="12">
        <v>0</v>
      </c>
      <c r="G102" s="12">
        <v>0</v>
      </c>
      <c r="H102" s="12">
        <v>0</v>
      </c>
    </row>
    <row r="103" spans="2:8" ht="15" customHeight="1">
      <c r="B103" s="16" t="s">
        <v>80</v>
      </c>
      <c r="C103" s="17">
        <v>177</v>
      </c>
      <c r="D103" s="17">
        <v>1029</v>
      </c>
      <c r="E103" s="17">
        <v>118</v>
      </c>
      <c r="F103" s="17">
        <v>825</v>
      </c>
      <c r="G103" s="17">
        <v>295</v>
      </c>
      <c r="H103" s="17">
        <v>1854</v>
      </c>
    </row>
    <row r="104" spans="2:8" ht="15" customHeight="1">
      <c r="B104" s="14" t="s">
        <v>85</v>
      </c>
      <c r="C104" s="15">
        <v>177</v>
      </c>
      <c r="D104" s="15">
        <v>1029</v>
      </c>
      <c r="E104" s="15">
        <v>118</v>
      </c>
      <c r="F104" s="15">
        <v>825</v>
      </c>
      <c r="G104" s="15">
        <v>295</v>
      </c>
      <c r="H104" s="15">
        <v>1854</v>
      </c>
    </row>
    <row r="105" spans="2:8" ht="15" customHeight="1">
      <c r="B105" s="14" t="s">
        <v>86</v>
      </c>
      <c r="C105" s="15">
        <v>0</v>
      </c>
      <c r="D105" s="15">
        <v>0</v>
      </c>
      <c r="E105" s="15">
        <v>0</v>
      </c>
      <c r="F105" s="15">
        <v>0</v>
      </c>
      <c r="G105" s="15">
        <v>0</v>
      </c>
      <c r="H105" s="15">
        <v>0</v>
      </c>
    </row>
    <row r="106" spans="2:8" ht="15" customHeight="1">
      <c r="B106" s="5" t="s">
        <v>29</v>
      </c>
      <c r="C106" s="11">
        <v>262061</v>
      </c>
      <c r="D106" s="11">
        <v>767085</v>
      </c>
      <c r="E106" s="11">
        <v>263692</v>
      </c>
      <c r="F106" s="11">
        <v>771850</v>
      </c>
      <c r="G106" s="11">
        <v>525753</v>
      </c>
      <c r="H106" s="11">
        <v>1538935</v>
      </c>
    </row>
    <row r="107" spans="2:8" ht="15" customHeight="1">
      <c r="B107" s="16" t="s">
        <v>75</v>
      </c>
      <c r="C107" s="17">
        <v>258123</v>
      </c>
      <c r="D107" s="17">
        <v>735806</v>
      </c>
      <c r="E107" s="17">
        <v>260203</v>
      </c>
      <c r="F107" s="17">
        <v>737189</v>
      </c>
      <c r="G107" s="17">
        <v>518326</v>
      </c>
      <c r="H107" s="17">
        <v>1472995</v>
      </c>
    </row>
    <row r="108" spans="2:8" ht="15" customHeight="1">
      <c r="B108" s="7" t="s">
        <v>85</v>
      </c>
      <c r="C108" s="12">
        <v>254383</v>
      </c>
      <c r="D108" s="12">
        <v>724910</v>
      </c>
      <c r="E108" s="12">
        <v>256784</v>
      </c>
      <c r="F108" s="12">
        <v>726066</v>
      </c>
      <c r="G108" s="12">
        <v>511167</v>
      </c>
      <c r="H108" s="12">
        <v>1450976</v>
      </c>
    </row>
    <row r="109" spans="2:8" ht="15" customHeight="1">
      <c r="B109" s="9" t="s">
        <v>77</v>
      </c>
      <c r="C109" s="13">
        <v>153114</v>
      </c>
      <c r="D109" s="13">
        <v>438079</v>
      </c>
      <c r="E109" s="13">
        <v>170726</v>
      </c>
      <c r="F109" s="13">
        <v>482030</v>
      </c>
      <c r="G109" s="13">
        <v>323840</v>
      </c>
      <c r="H109" s="13">
        <v>920109</v>
      </c>
    </row>
    <row r="110" spans="2:8" ht="15" customHeight="1">
      <c r="B110" s="9" t="s">
        <v>78</v>
      </c>
      <c r="C110" s="13">
        <v>101269</v>
      </c>
      <c r="D110" s="13">
        <v>286831</v>
      </c>
      <c r="E110" s="13">
        <v>86058</v>
      </c>
      <c r="F110" s="13">
        <v>244036</v>
      </c>
      <c r="G110" s="13">
        <v>187327</v>
      </c>
      <c r="H110" s="13">
        <v>530867</v>
      </c>
    </row>
    <row r="111" spans="2:8" ht="15" customHeight="1">
      <c r="B111" s="7" t="s">
        <v>86</v>
      </c>
      <c r="C111" s="12">
        <v>3740</v>
      </c>
      <c r="D111" s="12">
        <v>10896</v>
      </c>
      <c r="E111" s="12">
        <v>3419</v>
      </c>
      <c r="F111" s="12">
        <v>11123</v>
      </c>
      <c r="G111" s="12">
        <v>7159</v>
      </c>
      <c r="H111" s="12">
        <v>22019</v>
      </c>
    </row>
    <row r="112" spans="2:8" ht="15" customHeight="1">
      <c r="B112" s="7" t="s">
        <v>87</v>
      </c>
      <c r="C112" s="12">
        <v>0</v>
      </c>
      <c r="D112" s="12">
        <v>0</v>
      </c>
      <c r="E112" s="12">
        <v>0</v>
      </c>
      <c r="F112" s="12">
        <v>0</v>
      </c>
      <c r="G112" s="12">
        <v>0</v>
      </c>
      <c r="H112" s="12">
        <v>0</v>
      </c>
    </row>
    <row r="113" spans="2:8" ht="15" customHeight="1">
      <c r="B113" s="16" t="s">
        <v>80</v>
      </c>
      <c r="C113" s="17">
        <v>3938</v>
      </c>
      <c r="D113" s="17">
        <v>31279</v>
      </c>
      <c r="E113" s="17">
        <v>3489</v>
      </c>
      <c r="F113" s="17">
        <v>34661</v>
      </c>
      <c r="G113" s="17">
        <v>7427</v>
      </c>
      <c r="H113" s="17">
        <v>65940</v>
      </c>
    </row>
    <row r="114" spans="2:8" ht="15" customHeight="1">
      <c r="B114" s="14" t="s">
        <v>85</v>
      </c>
      <c r="C114" s="15">
        <v>3828</v>
      </c>
      <c r="D114" s="15">
        <v>30959</v>
      </c>
      <c r="E114" s="15">
        <v>3431</v>
      </c>
      <c r="F114" s="15">
        <v>34329</v>
      </c>
      <c r="G114" s="15">
        <v>7259</v>
      </c>
      <c r="H114" s="15">
        <v>65288</v>
      </c>
    </row>
    <row r="115" spans="2:8" ht="15" customHeight="1">
      <c r="B115" s="14" t="s">
        <v>86</v>
      </c>
      <c r="C115" s="15">
        <v>110</v>
      </c>
      <c r="D115" s="15">
        <v>320</v>
      </c>
      <c r="E115" s="15">
        <v>58</v>
      </c>
      <c r="F115" s="15">
        <v>332</v>
      </c>
      <c r="G115" s="15">
        <v>168</v>
      </c>
      <c r="H115" s="15">
        <v>652</v>
      </c>
    </row>
    <row r="116" spans="2:8" ht="15" customHeight="1">
      <c r="B116" s="5" t="s">
        <v>30</v>
      </c>
      <c r="C116" s="11">
        <v>120551</v>
      </c>
      <c r="D116" s="11">
        <v>364151</v>
      </c>
      <c r="E116" s="11">
        <v>116965</v>
      </c>
      <c r="F116" s="11">
        <v>369849</v>
      </c>
      <c r="G116" s="11">
        <v>237516</v>
      </c>
      <c r="H116" s="11">
        <v>734000</v>
      </c>
    </row>
    <row r="117" spans="2:8" ht="15" customHeight="1">
      <c r="B117" s="16" t="s">
        <v>75</v>
      </c>
      <c r="C117" s="17">
        <v>119583</v>
      </c>
      <c r="D117" s="17">
        <v>346377</v>
      </c>
      <c r="E117" s="17">
        <v>116099</v>
      </c>
      <c r="F117" s="17">
        <v>352706</v>
      </c>
      <c r="G117" s="17">
        <v>235682</v>
      </c>
      <c r="H117" s="17">
        <v>699083</v>
      </c>
    </row>
    <row r="118" spans="2:8" ht="15" customHeight="1">
      <c r="B118" s="7" t="s">
        <v>85</v>
      </c>
      <c r="C118" s="12">
        <v>119583</v>
      </c>
      <c r="D118" s="12">
        <v>346377</v>
      </c>
      <c r="E118" s="12">
        <v>116099</v>
      </c>
      <c r="F118" s="12">
        <v>352706</v>
      </c>
      <c r="G118" s="12">
        <v>235682</v>
      </c>
      <c r="H118" s="12">
        <v>699083</v>
      </c>
    </row>
    <row r="119" spans="2:8" ht="15" customHeight="1">
      <c r="B119" s="9" t="s">
        <v>77</v>
      </c>
      <c r="C119" s="13">
        <v>105550</v>
      </c>
      <c r="D119" s="13">
        <v>296454</v>
      </c>
      <c r="E119" s="13">
        <v>102867</v>
      </c>
      <c r="F119" s="13">
        <v>307386</v>
      </c>
      <c r="G119" s="13">
        <v>208417</v>
      </c>
      <c r="H119" s="13">
        <v>603840</v>
      </c>
    </row>
    <row r="120" spans="2:8" ht="15" customHeight="1">
      <c r="B120" s="9" t="s">
        <v>78</v>
      </c>
      <c r="C120" s="13">
        <v>14033</v>
      </c>
      <c r="D120" s="13">
        <v>49923</v>
      </c>
      <c r="E120" s="13">
        <v>13232</v>
      </c>
      <c r="F120" s="13">
        <v>45320</v>
      </c>
      <c r="G120" s="13">
        <v>27265</v>
      </c>
      <c r="H120" s="13">
        <v>95243</v>
      </c>
    </row>
    <row r="121" spans="2:8" ht="15" customHeight="1">
      <c r="B121" s="7" t="s">
        <v>86</v>
      </c>
      <c r="C121" s="12">
        <v>0</v>
      </c>
      <c r="D121" s="12">
        <v>0</v>
      </c>
      <c r="E121" s="12">
        <v>0</v>
      </c>
      <c r="F121" s="12">
        <v>0</v>
      </c>
      <c r="G121" s="12">
        <v>0</v>
      </c>
      <c r="H121" s="12">
        <v>0</v>
      </c>
    </row>
    <row r="122" spans="2:8" ht="15" customHeight="1">
      <c r="B122" s="7" t="s">
        <v>87</v>
      </c>
      <c r="C122" s="12">
        <v>0</v>
      </c>
      <c r="D122" s="12">
        <v>0</v>
      </c>
      <c r="E122" s="12">
        <v>0</v>
      </c>
      <c r="F122" s="12">
        <v>0</v>
      </c>
      <c r="G122" s="12">
        <v>0</v>
      </c>
      <c r="H122" s="12">
        <v>0</v>
      </c>
    </row>
    <row r="123" spans="2:8" ht="15" customHeight="1">
      <c r="B123" s="16" t="s">
        <v>80</v>
      </c>
      <c r="C123" s="17">
        <v>968</v>
      </c>
      <c r="D123" s="17">
        <v>17774</v>
      </c>
      <c r="E123" s="17">
        <v>866</v>
      </c>
      <c r="F123" s="17">
        <v>17143</v>
      </c>
      <c r="G123" s="17">
        <v>1834</v>
      </c>
      <c r="H123" s="17">
        <v>34917</v>
      </c>
    </row>
    <row r="124" spans="2:8" ht="15" customHeight="1">
      <c r="B124" s="14" t="s">
        <v>85</v>
      </c>
      <c r="C124" s="15">
        <v>968</v>
      </c>
      <c r="D124" s="15">
        <v>17774</v>
      </c>
      <c r="E124" s="15">
        <v>866</v>
      </c>
      <c r="F124" s="15">
        <v>17143</v>
      </c>
      <c r="G124" s="15">
        <v>1834</v>
      </c>
      <c r="H124" s="15">
        <v>34917</v>
      </c>
    </row>
    <row r="125" spans="2:8" ht="15" customHeight="1">
      <c r="B125" s="14" t="s">
        <v>86</v>
      </c>
      <c r="C125" s="15">
        <v>0</v>
      </c>
      <c r="D125" s="15">
        <v>0</v>
      </c>
      <c r="E125" s="15">
        <v>0</v>
      </c>
      <c r="F125" s="15">
        <v>0</v>
      </c>
      <c r="G125" s="15">
        <v>0</v>
      </c>
      <c r="H125" s="15">
        <v>0</v>
      </c>
    </row>
    <row r="126" spans="2:8" ht="15" customHeight="1">
      <c r="B126" s="5" t="s">
        <v>31</v>
      </c>
      <c r="C126" s="11">
        <v>3608</v>
      </c>
      <c r="D126" s="11">
        <v>10691</v>
      </c>
      <c r="E126" s="11">
        <v>3667</v>
      </c>
      <c r="F126" s="11">
        <v>9735</v>
      </c>
      <c r="G126" s="11">
        <v>7275</v>
      </c>
      <c r="H126" s="11">
        <v>20426</v>
      </c>
    </row>
    <row r="127" spans="2:8" ht="15" customHeight="1">
      <c r="B127" s="16" t="s">
        <v>75</v>
      </c>
      <c r="C127" s="17">
        <v>3158</v>
      </c>
      <c r="D127" s="17">
        <v>9332</v>
      </c>
      <c r="E127" s="17">
        <v>3220</v>
      </c>
      <c r="F127" s="17">
        <v>8345</v>
      </c>
      <c r="G127" s="17">
        <v>6378</v>
      </c>
      <c r="H127" s="17">
        <v>17677</v>
      </c>
    </row>
    <row r="128" spans="2:8" ht="15" customHeight="1">
      <c r="B128" s="7" t="s">
        <v>85</v>
      </c>
      <c r="C128" s="12">
        <v>3158</v>
      </c>
      <c r="D128" s="12">
        <v>9332</v>
      </c>
      <c r="E128" s="12">
        <v>3220</v>
      </c>
      <c r="F128" s="12">
        <v>8345</v>
      </c>
      <c r="G128" s="12">
        <v>6378</v>
      </c>
      <c r="H128" s="12">
        <v>17677</v>
      </c>
    </row>
    <row r="129" spans="2:8" ht="15" customHeight="1">
      <c r="B129" s="9" t="s">
        <v>77</v>
      </c>
      <c r="C129" s="13">
        <v>1624</v>
      </c>
      <c r="D129" s="13">
        <v>4776</v>
      </c>
      <c r="E129" s="13">
        <v>1704</v>
      </c>
      <c r="F129" s="13">
        <v>4368</v>
      </c>
      <c r="G129" s="13">
        <v>3328</v>
      </c>
      <c r="H129" s="13">
        <v>9144</v>
      </c>
    </row>
    <row r="130" spans="2:8" ht="15" customHeight="1">
      <c r="B130" s="9" t="s">
        <v>78</v>
      </c>
      <c r="C130" s="13">
        <v>1534</v>
      </c>
      <c r="D130" s="13">
        <v>4556</v>
      </c>
      <c r="E130" s="13">
        <v>1516</v>
      </c>
      <c r="F130" s="13">
        <v>3977</v>
      </c>
      <c r="G130" s="13">
        <v>3050</v>
      </c>
      <c r="H130" s="13">
        <v>8533</v>
      </c>
    </row>
    <row r="131" spans="2:8" ht="15" customHeight="1">
      <c r="B131" s="7" t="s">
        <v>86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</row>
    <row r="132" spans="2:8" ht="15" customHeight="1">
      <c r="B132" s="7" t="s">
        <v>87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</row>
    <row r="133" spans="2:8" ht="15" customHeight="1">
      <c r="B133" s="16" t="s">
        <v>80</v>
      </c>
      <c r="C133" s="17">
        <v>450</v>
      </c>
      <c r="D133" s="17">
        <v>1359</v>
      </c>
      <c r="E133" s="17">
        <v>447</v>
      </c>
      <c r="F133" s="17">
        <v>1390</v>
      </c>
      <c r="G133" s="17">
        <v>897</v>
      </c>
      <c r="H133" s="17">
        <v>2749</v>
      </c>
    </row>
    <row r="134" spans="2:8" ht="15" customHeight="1">
      <c r="B134" s="14" t="s">
        <v>85</v>
      </c>
      <c r="C134" s="15">
        <v>450</v>
      </c>
      <c r="D134" s="15">
        <v>1359</v>
      </c>
      <c r="E134" s="15">
        <v>447</v>
      </c>
      <c r="F134" s="15">
        <v>1390</v>
      </c>
      <c r="G134" s="15">
        <v>897</v>
      </c>
      <c r="H134" s="15">
        <v>2749</v>
      </c>
    </row>
    <row r="135" spans="2:8" ht="15" customHeight="1">
      <c r="B135" s="14" t="s">
        <v>86</v>
      </c>
      <c r="C135" s="15">
        <v>0</v>
      </c>
      <c r="D135" s="15">
        <v>0</v>
      </c>
      <c r="E135" s="15">
        <v>0</v>
      </c>
      <c r="F135" s="15">
        <v>0</v>
      </c>
      <c r="G135" s="15">
        <v>0</v>
      </c>
      <c r="H135" s="15">
        <v>0</v>
      </c>
    </row>
    <row r="136" spans="2:8" ht="15" customHeight="1">
      <c r="B136" s="5" t="s">
        <v>32</v>
      </c>
      <c r="C136" s="11">
        <v>109636</v>
      </c>
      <c r="D136" s="11">
        <v>340125</v>
      </c>
      <c r="E136" s="11">
        <v>104185</v>
      </c>
      <c r="F136" s="11">
        <v>335525</v>
      </c>
      <c r="G136" s="11">
        <v>213821</v>
      </c>
      <c r="H136" s="11">
        <v>675650</v>
      </c>
    </row>
    <row r="137" spans="2:8" ht="15" customHeight="1">
      <c r="B137" s="16" t="s">
        <v>75</v>
      </c>
      <c r="C137" s="17">
        <v>103196</v>
      </c>
      <c r="D137" s="17">
        <v>319449</v>
      </c>
      <c r="E137" s="17">
        <v>98323</v>
      </c>
      <c r="F137" s="17">
        <v>320023</v>
      </c>
      <c r="G137" s="17">
        <v>201519</v>
      </c>
      <c r="H137" s="17">
        <v>639472</v>
      </c>
    </row>
    <row r="138" spans="2:8" ht="15" customHeight="1">
      <c r="B138" s="7" t="s">
        <v>85</v>
      </c>
      <c r="C138" s="12">
        <v>98141</v>
      </c>
      <c r="D138" s="12">
        <v>302791</v>
      </c>
      <c r="E138" s="12">
        <v>92787</v>
      </c>
      <c r="F138" s="12">
        <v>301107</v>
      </c>
      <c r="G138" s="12">
        <v>190928</v>
      </c>
      <c r="H138" s="12">
        <v>603898</v>
      </c>
    </row>
    <row r="139" spans="2:8" ht="15" customHeight="1">
      <c r="B139" s="9" t="s">
        <v>77</v>
      </c>
      <c r="C139" s="13">
        <v>92392</v>
      </c>
      <c r="D139" s="13">
        <v>284217</v>
      </c>
      <c r="E139" s="13">
        <v>87979</v>
      </c>
      <c r="F139" s="13">
        <v>285237</v>
      </c>
      <c r="G139" s="13">
        <v>180371</v>
      </c>
      <c r="H139" s="13">
        <v>569454</v>
      </c>
    </row>
    <row r="140" spans="2:8" ht="15" customHeight="1">
      <c r="B140" s="9" t="s">
        <v>78</v>
      </c>
      <c r="C140" s="13">
        <v>5749</v>
      </c>
      <c r="D140" s="13">
        <v>18574</v>
      </c>
      <c r="E140" s="13">
        <v>4808</v>
      </c>
      <c r="F140" s="13">
        <v>15870</v>
      </c>
      <c r="G140" s="13">
        <v>10557</v>
      </c>
      <c r="H140" s="13">
        <v>34444</v>
      </c>
    </row>
    <row r="141" spans="2:8" ht="15" customHeight="1">
      <c r="B141" s="7" t="s">
        <v>86</v>
      </c>
      <c r="C141" s="12">
        <v>5052</v>
      </c>
      <c r="D141" s="12">
        <v>16385</v>
      </c>
      <c r="E141" s="12">
        <v>5205</v>
      </c>
      <c r="F141" s="12">
        <v>17722</v>
      </c>
      <c r="G141" s="12">
        <v>10257</v>
      </c>
      <c r="H141" s="12">
        <v>34107</v>
      </c>
    </row>
    <row r="142" spans="2:8" ht="15" customHeight="1">
      <c r="B142" s="7" t="s">
        <v>87</v>
      </c>
      <c r="C142" s="12">
        <v>3</v>
      </c>
      <c r="D142" s="12">
        <v>273</v>
      </c>
      <c r="E142" s="12">
        <v>331</v>
      </c>
      <c r="F142" s="12">
        <v>1194</v>
      </c>
      <c r="G142" s="12">
        <v>334</v>
      </c>
      <c r="H142" s="12">
        <v>1467</v>
      </c>
    </row>
    <row r="143" spans="2:8" ht="15" customHeight="1">
      <c r="B143" s="16" t="s">
        <v>80</v>
      </c>
      <c r="C143" s="17">
        <v>6440</v>
      </c>
      <c r="D143" s="17">
        <v>20676</v>
      </c>
      <c r="E143" s="17">
        <v>5862</v>
      </c>
      <c r="F143" s="17">
        <v>15502</v>
      </c>
      <c r="G143" s="17">
        <v>12302</v>
      </c>
      <c r="H143" s="17">
        <v>36178</v>
      </c>
    </row>
    <row r="144" spans="2:8" ht="15" customHeight="1">
      <c r="B144" s="14" t="s">
        <v>85</v>
      </c>
      <c r="C144" s="15">
        <v>6261</v>
      </c>
      <c r="D144" s="15">
        <v>19793</v>
      </c>
      <c r="E144" s="15">
        <v>5771</v>
      </c>
      <c r="F144" s="15">
        <v>15161</v>
      </c>
      <c r="G144" s="15">
        <v>12032</v>
      </c>
      <c r="H144" s="15">
        <v>34954</v>
      </c>
    </row>
    <row r="145" spans="2:8" ht="15" customHeight="1">
      <c r="B145" s="14" t="s">
        <v>86</v>
      </c>
      <c r="C145" s="15">
        <v>179</v>
      </c>
      <c r="D145" s="15">
        <v>883</v>
      </c>
      <c r="E145" s="15">
        <v>91</v>
      </c>
      <c r="F145" s="15">
        <v>341</v>
      </c>
      <c r="G145" s="15">
        <v>270</v>
      </c>
      <c r="H145" s="15">
        <v>1224</v>
      </c>
    </row>
    <row r="146" spans="2:8" ht="15" customHeight="1">
      <c r="B146" s="5" t="s">
        <v>33</v>
      </c>
      <c r="C146" s="11">
        <v>93269</v>
      </c>
      <c r="D146" s="11">
        <v>322710</v>
      </c>
      <c r="E146" s="11">
        <v>94761</v>
      </c>
      <c r="F146" s="11">
        <v>318683</v>
      </c>
      <c r="G146" s="11">
        <v>188030</v>
      </c>
      <c r="H146" s="11">
        <v>641393</v>
      </c>
    </row>
    <row r="147" spans="2:8" ht="15" customHeight="1">
      <c r="B147" s="16" t="s">
        <v>75</v>
      </c>
      <c r="C147" s="17">
        <v>91515</v>
      </c>
      <c r="D147" s="17">
        <v>293904</v>
      </c>
      <c r="E147" s="17">
        <v>86522</v>
      </c>
      <c r="F147" s="17">
        <v>281126</v>
      </c>
      <c r="G147" s="17">
        <v>178037</v>
      </c>
      <c r="H147" s="17">
        <v>575030</v>
      </c>
    </row>
    <row r="148" spans="2:8" ht="15" customHeight="1">
      <c r="B148" s="7" t="s">
        <v>85</v>
      </c>
      <c r="C148" s="12">
        <v>88415</v>
      </c>
      <c r="D148" s="12">
        <v>285980</v>
      </c>
      <c r="E148" s="12">
        <v>83839</v>
      </c>
      <c r="F148" s="12">
        <v>273359</v>
      </c>
      <c r="G148" s="12">
        <v>172254</v>
      </c>
      <c r="H148" s="12">
        <v>559339</v>
      </c>
    </row>
    <row r="149" spans="2:8" ht="15" customHeight="1">
      <c r="B149" s="9" t="s">
        <v>77</v>
      </c>
      <c r="C149" s="13">
        <v>88415</v>
      </c>
      <c r="D149" s="13">
        <v>285980</v>
      </c>
      <c r="E149" s="13">
        <v>83839</v>
      </c>
      <c r="F149" s="13">
        <v>273359</v>
      </c>
      <c r="G149" s="13">
        <v>172254</v>
      </c>
      <c r="H149" s="13">
        <v>559339</v>
      </c>
    </row>
    <row r="150" spans="2:8" ht="15" customHeight="1">
      <c r="B150" s="9" t="s">
        <v>78</v>
      </c>
      <c r="C150" s="13">
        <v>0</v>
      </c>
      <c r="D150" s="13">
        <v>0</v>
      </c>
      <c r="E150" s="13">
        <v>0</v>
      </c>
      <c r="F150" s="13">
        <v>0</v>
      </c>
      <c r="G150" s="13">
        <v>0</v>
      </c>
      <c r="H150" s="13">
        <v>0</v>
      </c>
    </row>
    <row r="151" spans="2:8" ht="15" customHeight="1">
      <c r="B151" s="7" t="s">
        <v>86</v>
      </c>
      <c r="C151" s="12">
        <v>3100</v>
      </c>
      <c r="D151" s="12">
        <v>7924</v>
      </c>
      <c r="E151" s="12">
        <v>2683</v>
      </c>
      <c r="F151" s="12">
        <v>7767</v>
      </c>
      <c r="G151" s="12">
        <v>5783</v>
      </c>
      <c r="H151" s="12">
        <v>15691</v>
      </c>
    </row>
    <row r="152" spans="2:8" ht="15" customHeight="1">
      <c r="B152" s="7" t="s">
        <v>87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</row>
    <row r="153" spans="2:8" ht="15" customHeight="1">
      <c r="B153" s="16" t="s">
        <v>80</v>
      </c>
      <c r="C153" s="17">
        <v>1754</v>
      </c>
      <c r="D153" s="17">
        <v>28806</v>
      </c>
      <c r="E153" s="17">
        <v>8239</v>
      </c>
      <c r="F153" s="17">
        <v>37557</v>
      </c>
      <c r="G153" s="17">
        <v>9993</v>
      </c>
      <c r="H153" s="17">
        <v>66363</v>
      </c>
    </row>
    <row r="154" spans="2:8" ht="15" customHeight="1">
      <c r="B154" s="14" t="s">
        <v>85</v>
      </c>
      <c r="C154" s="15">
        <v>1649</v>
      </c>
      <c r="D154" s="15">
        <v>28540</v>
      </c>
      <c r="E154" s="15">
        <v>8113</v>
      </c>
      <c r="F154" s="15">
        <v>37230</v>
      </c>
      <c r="G154" s="15">
        <v>9762</v>
      </c>
      <c r="H154" s="15">
        <v>65770</v>
      </c>
    </row>
    <row r="155" spans="2:8" ht="15" customHeight="1">
      <c r="B155" s="14" t="s">
        <v>86</v>
      </c>
      <c r="C155" s="15">
        <v>105</v>
      </c>
      <c r="D155" s="15">
        <v>266</v>
      </c>
      <c r="E155" s="15">
        <v>126</v>
      </c>
      <c r="F155" s="15">
        <v>327</v>
      </c>
      <c r="G155" s="15">
        <v>231</v>
      </c>
      <c r="H155" s="15">
        <v>593</v>
      </c>
    </row>
    <row r="156" spans="2:8" ht="15" customHeight="1">
      <c r="B156" s="5" t="s">
        <v>34</v>
      </c>
      <c r="C156" s="11">
        <v>137166</v>
      </c>
      <c r="D156" s="11">
        <v>388763</v>
      </c>
      <c r="E156" s="11">
        <v>134046</v>
      </c>
      <c r="F156" s="11">
        <v>388006</v>
      </c>
      <c r="G156" s="11">
        <v>271212</v>
      </c>
      <c r="H156" s="11">
        <v>776769</v>
      </c>
    </row>
    <row r="157" spans="2:8" ht="15" customHeight="1">
      <c r="B157" s="16" t="s">
        <v>75</v>
      </c>
      <c r="C157" s="17">
        <v>129736</v>
      </c>
      <c r="D157" s="17">
        <v>365974</v>
      </c>
      <c r="E157" s="17">
        <v>127451</v>
      </c>
      <c r="F157" s="17">
        <v>365224</v>
      </c>
      <c r="G157" s="17">
        <v>257187</v>
      </c>
      <c r="H157" s="17">
        <v>731198</v>
      </c>
    </row>
    <row r="158" spans="2:8" ht="15" customHeight="1">
      <c r="B158" s="7" t="s">
        <v>85</v>
      </c>
      <c r="C158" s="12">
        <v>129736</v>
      </c>
      <c r="D158" s="12">
        <v>365974</v>
      </c>
      <c r="E158" s="12">
        <v>127451</v>
      </c>
      <c r="F158" s="12">
        <v>365224</v>
      </c>
      <c r="G158" s="12">
        <v>257187</v>
      </c>
      <c r="H158" s="12">
        <v>731198</v>
      </c>
    </row>
    <row r="159" spans="2:8" ht="15" customHeight="1">
      <c r="B159" s="9" t="s">
        <v>77</v>
      </c>
      <c r="C159" s="13">
        <v>128234</v>
      </c>
      <c r="D159" s="13">
        <v>361281</v>
      </c>
      <c r="E159" s="13">
        <v>126090</v>
      </c>
      <c r="F159" s="13">
        <v>360987</v>
      </c>
      <c r="G159" s="13">
        <v>254324</v>
      </c>
      <c r="H159" s="13">
        <v>722268</v>
      </c>
    </row>
    <row r="160" spans="2:8" ht="15" customHeight="1">
      <c r="B160" s="9" t="s">
        <v>78</v>
      </c>
      <c r="C160" s="13">
        <v>1502</v>
      </c>
      <c r="D160" s="13">
        <v>4693</v>
      </c>
      <c r="E160" s="13">
        <v>1361</v>
      </c>
      <c r="F160" s="13">
        <v>4237</v>
      </c>
      <c r="G160" s="13">
        <v>2863</v>
      </c>
      <c r="H160" s="13">
        <v>8930</v>
      </c>
    </row>
    <row r="161" spans="2:8" ht="15" customHeight="1">
      <c r="B161" s="7" t="s">
        <v>86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</row>
    <row r="162" spans="2:8" ht="15" customHeight="1">
      <c r="B162" s="7" t="s">
        <v>87</v>
      </c>
      <c r="C162" s="12">
        <v>0</v>
      </c>
      <c r="D162" s="12">
        <v>0</v>
      </c>
      <c r="E162" s="12">
        <v>0</v>
      </c>
      <c r="F162" s="12">
        <v>0</v>
      </c>
      <c r="G162" s="12">
        <v>0</v>
      </c>
      <c r="H162" s="12">
        <v>0</v>
      </c>
    </row>
    <row r="163" spans="2:8" ht="15" customHeight="1">
      <c r="B163" s="16" t="s">
        <v>80</v>
      </c>
      <c r="C163" s="17">
        <v>7430</v>
      </c>
      <c r="D163" s="17">
        <v>22789</v>
      </c>
      <c r="E163" s="17">
        <v>6595</v>
      </c>
      <c r="F163" s="17">
        <v>22782</v>
      </c>
      <c r="G163" s="17">
        <v>14025</v>
      </c>
      <c r="H163" s="17">
        <v>45571</v>
      </c>
    </row>
    <row r="164" spans="2:8" ht="15" customHeight="1">
      <c r="B164" s="14" t="s">
        <v>85</v>
      </c>
      <c r="C164" s="15">
        <v>7430</v>
      </c>
      <c r="D164" s="15">
        <v>22789</v>
      </c>
      <c r="E164" s="15">
        <v>6595</v>
      </c>
      <c r="F164" s="15">
        <v>22782</v>
      </c>
      <c r="G164" s="15">
        <v>14025</v>
      </c>
      <c r="H164" s="15">
        <v>45571</v>
      </c>
    </row>
    <row r="165" spans="2:8" ht="15" customHeight="1">
      <c r="B165" s="14" t="s">
        <v>86</v>
      </c>
      <c r="C165" s="15">
        <v>0</v>
      </c>
      <c r="D165" s="15">
        <v>0</v>
      </c>
      <c r="E165" s="15">
        <v>0</v>
      </c>
      <c r="F165" s="15">
        <v>0</v>
      </c>
      <c r="G165" s="15">
        <v>0</v>
      </c>
      <c r="H165" s="15">
        <v>0</v>
      </c>
    </row>
    <row r="166" spans="2:8" ht="15" customHeight="1">
      <c r="B166" s="5" t="s">
        <v>35</v>
      </c>
      <c r="C166" s="11">
        <v>4201</v>
      </c>
      <c r="D166" s="11">
        <v>13371</v>
      </c>
      <c r="E166" s="11">
        <v>3998</v>
      </c>
      <c r="F166" s="11">
        <v>13734</v>
      </c>
      <c r="G166" s="11">
        <v>8199</v>
      </c>
      <c r="H166" s="11">
        <v>27105</v>
      </c>
    </row>
    <row r="167" spans="2:8" ht="15" customHeight="1">
      <c r="B167" s="16" t="s">
        <v>75</v>
      </c>
      <c r="C167" s="17">
        <v>4044</v>
      </c>
      <c r="D167" s="17">
        <v>12892</v>
      </c>
      <c r="E167" s="17">
        <v>3967</v>
      </c>
      <c r="F167" s="17">
        <v>13011</v>
      </c>
      <c r="G167" s="17">
        <v>8011</v>
      </c>
      <c r="H167" s="17">
        <v>25903</v>
      </c>
    </row>
    <row r="168" spans="2:8" ht="15" customHeight="1">
      <c r="B168" s="7" t="s">
        <v>85</v>
      </c>
      <c r="C168" s="12">
        <v>4044</v>
      </c>
      <c r="D168" s="12">
        <v>12892</v>
      </c>
      <c r="E168" s="12">
        <v>3967</v>
      </c>
      <c r="F168" s="12">
        <v>13011</v>
      </c>
      <c r="G168" s="12">
        <v>8011</v>
      </c>
      <c r="H168" s="12">
        <v>25903</v>
      </c>
    </row>
    <row r="169" spans="2:8" ht="15" customHeight="1">
      <c r="B169" s="9" t="s">
        <v>77</v>
      </c>
      <c r="C169" s="13">
        <v>4044</v>
      </c>
      <c r="D169" s="13">
        <v>12892</v>
      </c>
      <c r="E169" s="13">
        <v>3967</v>
      </c>
      <c r="F169" s="13">
        <v>13011</v>
      </c>
      <c r="G169" s="13">
        <v>8011</v>
      </c>
      <c r="H169" s="13">
        <v>25903</v>
      </c>
    </row>
    <row r="170" spans="2:8" ht="15" customHeight="1">
      <c r="B170" s="9" t="s">
        <v>78</v>
      </c>
      <c r="C170" s="13">
        <v>0</v>
      </c>
      <c r="D170" s="13">
        <v>0</v>
      </c>
      <c r="E170" s="13">
        <v>0</v>
      </c>
      <c r="F170" s="13">
        <v>0</v>
      </c>
      <c r="G170" s="13">
        <v>0</v>
      </c>
      <c r="H170" s="13">
        <v>0</v>
      </c>
    </row>
    <row r="171" spans="2:8" ht="15" customHeight="1">
      <c r="B171" s="7" t="s">
        <v>86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</row>
    <row r="172" spans="2:8" ht="15" customHeight="1">
      <c r="B172" s="7" t="s">
        <v>87</v>
      </c>
      <c r="C172" s="12">
        <v>0</v>
      </c>
      <c r="D172" s="12">
        <v>0</v>
      </c>
      <c r="E172" s="12">
        <v>0</v>
      </c>
      <c r="F172" s="12">
        <v>0</v>
      </c>
      <c r="G172" s="12">
        <v>0</v>
      </c>
      <c r="H172" s="12">
        <v>0</v>
      </c>
    </row>
    <row r="173" spans="2:8" ht="15" customHeight="1">
      <c r="B173" s="16" t="s">
        <v>80</v>
      </c>
      <c r="C173" s="17">
        <v>157</v>
      </c>
      <c r="D173" s="17">
        <v>479</v>
      </c>
      <c r="E173" s="17">
        <v>31</v>
      </c>
      <c r="F173" s="17">
        <v>723</v>
      </c>
      <c r="G173" s="17">
        <v>188</v>
      </c>
      <c r="H173" s="17">
        <v>1202</v>
      </c>
    </row>
    <row r="174" spans="2:8" ht="15" customHeight="1">
      <c r="B174" s="14" t="s">
        <v>85</v>
      </c>
      <c r="C174" s="15">
        <v>157</v>
      </c>
      <c r="D174" s="15">
        <v>479</v>
      </c>
      <c r="E174" s="15">
        <v>31</v>
      </c>
      <c r="F174" s="15">
        <v>723</v>
      </c>
      <c r="G174" s="15">
        <v>188</v>
      </c>
      <c r="H174" s="15">
        <v>1202</v>
      </c>
    </row>
    <row r="175" spans="2:8" ht="15" customHeight="1">
      <c r="B175" s="14" t="s">
        <v>86</v>
      </c>
      <c r="C175" s="15">
        <v>0</v>
      </c>
      <c r="D175" s="15">
        <v>0</v>
      </c>
      <c r="E175" s="15">
        <v>0</v>
      </c>
      <c r="F175" s="15">
        <v>0</v>
      </c>
      <c r="G175" s="15">
        <v>0</v>
      </c>
      <c r="H175" s="15">
        <v>0</v>
      </c>
    </row>
    <row r="176" spans="2:8" ht="15" customHeight="1">
      <c r="B176" s="5" t="s">
        <v>36</v>
      </c>
      <c r="C176" s="11">
        <v>23135</v>
      </c>
      <c r="D176" s="11">
        <v>100269</v>
      </c>
      <c r="E176" s="11">
        <v>22974</v>
      </c>
      <c r="F176" s="11">
        <v>91460</v>
      </c>
      <c r="G176" s="11">
        <v>46109</v>
      </c>
      <c r="H176" s="11">
        <v>191729</v>
      </c>
    </row>
    <row r="177" spans="2:8" ht="15" customHeight="1">
      <c r="B177" s="16" t="s">
        <v>75</v>
      </c>
      <c r="C177" s="17">
        <v>22700</v>
      </c>
      <c r="D177" s="17">
        <v>80982</v>
      </c>
      <c r="E177" s="17">
        <v>22603</v>
      </c>
      <c r="F177" s="17">
        <v>74271</v>
      </c>
      <c r="G177" s="17">
        <v>45303</v>
      </c>
      <c r="H177" s="17">
        <v>155253</v>
      </c>
    </row>
    <row r="178" spans="2:8" ht="15" customHeight="1">
      <c r="B178" s="7" t="s">
        <v>85</v>
      </c>
      <c r="C178" s="12">
        <v>22700</v>
      </c>
      <c r="D178" s="12">
        <v>80982</v>
      </c>
      <c r="E178" s="12">
        <v>22603</v>
      </c>
      <c r="F178" s="12">
        <v>74271</v>
      </c>
      <c r="G178" s="12">
        <v>45303</v>
      </c>
      <c r="H178" s="12">
        <v>155253</v>
      </c>
    </row>
    <row r="179" spans="2:8" ht="15" customHeight="1">
      <c r="B179" s="9" t="s">
        <v>77</v>
      </c>
      <c r="C179" s="13">
        <v>22700</v>
      </c>
      <c r="D179" s="13">
        <v>80982</v>
      </c>
      <c r="E179" s="13">
        <v>22603</v>
      </c>
      <c r="F179" s="13">
        <v>74271</v>
      </c>
      <c r="G179" s="13">
        <v>45303</v>
      </c>
      <c r="H179" s="13">
        <v>155253</v>
      </c>
    </row>
    <row r="180" spans="2:8" ht="15" customHeight="1">
      <c r="B180" s="9" t="s">
        <v>78</v>
      </c>
      <c r="C180" s="13">
        <v>0</v>
      </c>
      <c r="D180" s="13">
        <v>0</v>
      </c>
      <c r="E180" s="13">
        <v>0</v>
      </c>
      <c r="F180" s="13">
        <v>0</v>
      </c>
      <c r="G180" s="13">
        <v>0</v>
      </c>
      <c r="H180" s="13">
        <v>0</v>
      </c>
    </row>
    <row r="181" spans="2:8" ht="15" customHeight="1">
      <c r="B181" s="7" t="s">
        <v>86</v>
      </c>
      <c r="C181" s="12">
        <v>0</v>
      </c>
      <c r="D181" s="12">
        <v>0</v>
      </c>
      <c r="E181" s="12">
        <v>0</v>
      </c>
      <c r="F181" s="12">
        <v>0</v>
      </c>
      <c r="G181" s="12">
        <v>0</v>
      </c>
      <c r="H181" s="12">
        <v>0</v>
      </c>
    </row>
    <row r="182" spans="2:8" ht="15" customHeight="1">
      <c r="B182" s="7" t="s">
        <v>87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</row>
    <row r="183" spans="2:8" ht="15" customHeight="1">
      <c r="B183" s="16" t="s">
        <v>80</v>
      </c>
      <c r="C183" s="17">
        <v>435</v>
      </c>
      <c r="D183" s="17">
        <v>19287</v>
      </c>
      <c r="E183" s="17">
        <v>371</v>
      </c>
      <c r="F183" s="17">
        <v>17189</v>
      </c>
      <c r="G183" s="17">
        <v>806</v>
      </c>
      <c r="H183" s="17">
        <v>36476</v>
      </c>
    </row>
    <row r="184" spans="2:8" ht="15" customHeight="1">
      <c r="B184" s="14" t="s">
        <v>85</v>
      </c>
      <c r="C184" s="15">
        <v>435</v>
      </c>
      <c r="D184" s="15">
        <v>19287</v>
      </c>
      <c r="E184" s="15">
        <v>371</v>
      </c>
      <c r="F184" s="15">
        <v>17189</v>
      </c>
      <c r="G184" s="15">
        <v>806</v>
      </c>
      <c r="H184" s="15">
        <v>36476</v>
      </c>
    </row>
    <row r="185" spans="2:8" ht="15" customHeight="1">
      <c r="B185" s="14" t="s">
        <v>86</v>
      </c>
      <c r="C185" s="15">
        <v>0</v>
      </c>
      <c r="D185" s="15">
        <v>0</v>
      </c>
      <c r="E185" s="15">
        <v>0</v>
      </c>
      <c r="F185" s="15">
        <v>0</v>
      </c>
      <c r="G185" s="15">
        <v>0</v>
      </c>
      <c r="H185" s="15">
        <v>0</v>
      </c>
    </row>
    <row r="186" spans="2:8" ht="15" customHeight="1">
      <c r="B186" s="5" t="s">
        <v>37</v>
      </c>
      <c r="C186" s="11">
        <v>11767</v>
      </c>
      <c r="D186" s="11">
        <v>35915</v>
      </c>
      <c r="E186" s="11">
        <v>11122</v>
      </c>
      <c r="F186" s="11">
        <v>34591</v>
      </c>
      <c r="G186" s="11">
        <v>22889</v>
      </c>
      <c r="H186" s="11">
        <v>70506</v>
      </c>
    </row>
    <row r="187" spans="2:8" ht="15" customHeight="1">
      <c r="B187" s="16" t="s">
        <v>75</v>
      </c>
      <c r="C187" s="17">
        <v>11434</v>
      </c>
      <c r="D187" s="17">
        <v>34998</v>
      </c>
      <c r="E187" s="17">
        <v>10851</v>
      </c>
      <c r="F187" s="17">
        <v>33811</v>
      </c>
      <c r="G187" s="17">
        <v>22285</v>
      </c>
      <c r="H187" s="17">
        <v>68809</v>
      </c>
    </row>
    <row r="188" spans="2:8" ht="15" customHeight="1">
      <c r="B188" s="7" t="s">
        <v>85</v>
      </c>
      <c r="C188" s="12">
        <v>11434</v>
      </c>
      <c r="D188" s="12">
        <v>34998</v>
      </c>
      <c r="E188" s="12">
        <v>10851</v>
      </c>
      <c r="F188" s="12">
        <v>33811</v>
      </c>
      <c r="G188" s="12">
        <v>22285</v>
      </c>
      <c r="H188" s="12">
        <v>68809</v>
      </c>
    </row>
    <row r="189" spans="2:8" ht="15" customHeight="1">
      <c r="B189" s="9" t="s">
        <v>77</v>
      </c>
      <c r="C189" s="13">
        <v>11434</v>
      </c>
      <c r="D189" s="13">
        <v>34998</v>
      </c>
      <c r="E189" s="13">
        <v>10851</v>
      </c>
      <c r="F189" s="13">
        <v>33811</v>
      </c>
      <c r="G189" s="13">
        <v>22285</v>
      </c>
      <c r="H189" s="13">
        <v>68809</v>
      </c>
    </row>
    <row r="190" spans="2:8" ht="15" customHeight="1">
      <c r="B190" s="9" t="s">
        <v>78</v>
      </c>
      <c r="C190" s="13">
        <v>0</v>
      </c>
      <c r="D190" s="13">
        <v>0</v>
      </c>
      <c r="E190" s="13">
        <v>0</v>
      </c>
      <c r="F190" s="13">
        <v>0</v>
      </c>
      <c r="G190" s="13">
        <v>0</v>
      </c>
      <c r="H190" s="13">
        <v>0</v>
      </c>
    </row>
    <row r="191" spans="2:8" ht="15" customHeight="1">
      <c r="B191" s="7" t="s">
        <v>86</v>
      </c>
      <c r="C191" s="12">
        <v>0</v>
      </c>
      <c r="D191" s="12">
        <v>0</v>
      </c>
      <c r="E191" s="12">
        <v>0</v>
      </c>
      <c r="F191" s="12">
        <v>0</v>
      </c>
      <c r="G191" s="12">
        <v>0</v>
      </c>
      <c r="H191" s="12">
        <v>0</v>
      </c>
    </row>
    <row r="192" spans="2:8" ht="15" customHeight="1">
      <c r="B192" s="7" t="s">
        <v>87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</row>
    <row r="193" spans="2:8" ht="15" customHeight="1">
      <c r="B193" s="16" t="s">
        <v>80</v>
      </c>
      <c r="C193" s="17">
        <v>333</v>
      </c>
      <c r="D193" s="17">
        <v>917</v>
      </c>
      <c r="E193" s="17">
        <v>271</v>
      </c>
      <c r="F193" s="17">
        <v>780</v>
      </c>
      <c r="G193" s="17">
        <v>604</v>
      </c>
      <c r="H193" s="17">
        <v>1697</v>
      </c>
    </row>
    <row r="194" spans="2:8" ht="15" customHeight="1">
      <c r="B194" s="14" t="s">
        <v>85</v>
      </c>
      <c r="C194" s="15">
        <v>333</v>
      </c>
      <c r="D194" s="15">
        <v>917</v>
      </c>
      <c r="E194" s="15">
        <v>271</v>
      </c>
      <c r="F194" s="15">
        <v>780</v>
      </c>
      <c r="G194" s="15">
        <v>604</v>
      </c>
      <c r="H194" s="15">
        <v>1697</v>
      </c>
    </row>
    <row r="195" spans="2:8" ht="15" customHeight="1">
      <c r="B195" s="14" t="s">
        <v>86</v>
      </c>
      <c r="C195" s="15">
        <v>0</v>
      </c>
      <c r="D195" s="15">
        <v>0</v>
      </c>
      <c r="E195" s="15">
        <v>0</v>
      </c>
      <c r="F195" s="15">
        <v>0</v>
      </c>
      <c r="G195" s="15">
        <v>0</v>
      </c>
      <c r="H195" s="15">
        <v>0</v>
      </c>
    </row>
    <row r="196" spans="2:8" ht="15" customHeight="1">
      <c r="B196" s="5" t="s">
        <v>38</v>
      </c>
      <c r="C196" s="11">
        <v>497</v>
      </c>
      <c r="D196" s="11">
        <v>1563</v>
      </c>
      <c r="E196" s="11">
        <v>283</v>
      </c>
      <c r="F196" s="11">
        <v>938</v>
      </c>
      <c r="G196" s="11">
        <v>780</v>
      </c>
      <c r="H196" s="11">
        <v>2501</v>
      </c>
    </row>
    <row r="197" spans="2:8" ht="15" customHeight="1">
      <c r="B197" s="16" t="s">
        <v>75</v>
      </c>
      <c r="C197" s="17">
        <v>0</v>
      </c>
      <c r="D197" s="17">
        <v>0</v>
      </c>
      <c r="E197" s="17">
        <v>0</v>
      </c>
      <c r="F197" s="17">
        <v>0</v>
      </c>
      <c r="G197" s="17">
        <v>0</v>
      </c>
      <c r="H197" s="17">
        <v>0</v>
      </c>
    </row>
    <row r="198" spans="2:8" ht="15" customHeight="1">
      <c r="B198" s="7" t="s">
        <v>85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</row>
    <row r="199" spans="2:8" ht="15" customHeight="1">
      <c r="B199" s="9" t="s">
        <v>77</v>
      </c>
      <c r="C199" s="13">
        <v>0</v>
      </c>
      <c r="D199" s="13">
        <v>0</v>
      </c>
      <c r="E199" s="13">
        <v>0</v>
      </c>
      <c r="F199" s="13">
        <v>0</v>
      </c>
      <c r="G199" s="13">
        <v>0</v>
      </c>
      <c r="H199" s="13">
        <v>0</v>
      </c>
    </row>
    <row r="200" spans="2:8" ht="15" customHeight="1">
      <c r="B200" s="9" t="s">
        <v>78</v>
      </c>
      <c r="C200" s="13">
        <v>0</v>
      </c>
      <c r="D200" s="13">
        <v>0</v>
      </c>
      <c r="E200" s="13">
        <v>0</v>
      </c>
      <c r="F200" s="13">
        <v>0</v>
      </c>
      <c r="G200" s="13">
        <v>0</v>
      </c>
      <c r="H200" s="13">
        <v>0</v>
      </c>
    </row>
    <row r="201" spans="2:8" ht="15" customHeight="1">
      <c r="B201" s="7" t="s">
        <v>86</v>
      </c>
      <c r="C201" s="12">
        <v>0</v>
      </c>
      <c r="D201" s="12">
        <v>0</v>
      </c>
      <c r="E201" s="12">
        <v>0</v>
      </c>
      <c r="F201" s="12">
        <v>0</v>
      </c>
      <c r="G201" s="12">
        <v>0</v>
      </c>
      <c r="H201" s="12">
        <v>0</v>
      </c>
    </row>
    <row r="202" spans="2:8" ht="15" customHeight="1">
      <c r="B202" s="7" t="s">
        <v>87</v>
      </c>
      <c r="C202" s="12">
        <v>0</v>
      </c>
      <c r="D202" s="12">
        <v>0</v>
      </c>
      <c r="E202" s="12">
        <v>0</v>
      </c>
      <c r="F202" s="12">
        <v>0</v>
      </c>
      <c r="G202" s="12">
        <v>0</v>
      </c>
      <c r="H202" s="12">
        <v>0</v>
      </c>
    </row>
    <row r="203" spans="2:8" ht="15" customHeight="1">
      <c r="B203" s="16" t="s">
        <v>80</v>
      </c>
      <c r="C203" s="17">
        <v>497</v>
      </c>
      <c r="D203" s="17">
        <v>1563</v>
      </c>
      <c r="E203" s="17">
        <v>283</v>
      </c>
      <c r="F203" s="17">
        <v>938</v>
      </c>
      <c r="G203" s="17">
        <v>780</v>
      </c>
      <c r="H203" s="17">
        <v>2501</v>
      </c>
    </row>
    <row r="204" spans="2:8" ht="15" customHeight="1">
      <c r="B204" s="14" t="s">
        <v>85</v>
      </c>
      <c r="C204" s="15">
        <v>497</v>
      </c>
      <c r="D204" s="15">
        <v>1563</v>
      </c>
      <c r="E204" s="15">
        <v>283</v>
      </c>
      <c r="F204" s="15">
        <v>938</v>
      </c>
      <c r="G204" s="15">
        <v>780</v>
      </c>
      <c r="H204" s="15">
        <v>2501</v>
      </c>
    </row>
    <row r="205" spans="2:8" ht="15" customHeight="1">
      <c r="B205" s="14" t="s">
        <v>86</v>
      </c>
      <c r="C205" s="15">
        <v>0</v>
      </c>
      <c r="D205" s="15">
        <v>0</v>
      </c>
      <c r="E205" s="15">
        <v>0</v>
      </c>
      <c r="F205" s="15">
        <v>0</v>
      </c>
      <c r="G205" s="15">
        <v>0</v>
      </c>
      <c r="H205" s="15">
        <v>0</v>
      </c>
    </row>
    <row r="206" spans="2:8" ht="15" customHeight="1">
      <c r="B206" s="5" t="s">
        <v>39</v>
      </c>
      <c r="C206" s="11">
        <v>55895</v>
      </c>
      <c r="D206" s="11">
        <v>141441</v>
      </c>
      <c r="E206" s="11">
        <v>52271</v>
      </c>
      <c r="F206" s="11">
        <v>129024</v>
      </c>
      <c r="G206" s="11">
        <v>108166</v>
      </c>
      <c r="H206" s="11">
        <v>270465</v>
      </c>
    </row>
    <row r="207" spans="2:8" ht="15" customHeight="1">
      <c r="B207" s="16" t="s">
        <v>75</v>
      </c>
      <c r="C207" s="17">
        <v>55886</v>
      </c>
      <c r="D207" s="17">
        <v>141074</v>
      </c>
      <c r="E207" s="17">
        <v>52218</v>
      </c>
      <c r="F207" s="17">
        <v>128676</v>
      </c>
      <c r="G207" s="17">
        <v>108104</v>
      </c>
      <c r="H207" s="17">
        <v>269750</v>
      </c>
    </row>
    <row r="208" spans="2:8" ht="15" customHeight="1">
      <c r="B208" s="7" t="s">
        <v>85</v>
      </c>
      <c r="C208" s="12">
        <v>55505</v>
      </c>
      <c r="D208" s="12">
        <v>140617</v>
      </c>
      <c r="E208" s="12">
        <v>51651</v>
      </c>
      <c r="F208" s="12">
        <v>128015</v>
      </c>
      <c r="G208" s="12">
        <v>107156</v>
      </c>
      <c r="H208" s="12">
        <v>268632</v>
      </c>
    </row>
    <row r="209" spans="2:8" ht="15" customHeight="1">
      <c r="B209" s="9" t="s">
        <v>77</v>
      </c>
      <c r="C209" s="13">
        <v>55505</v>
      </c>
      <c r="D209" s="13">
        <v>140617</v>
      </c>
      <c r="E209" s="13">
        <v>51651</v>
      </c>
      <c r="F209" s="13">
        <v>128015</v>
      </c>
      <c r="G209" s="13">
        <v>107156</v>
      </c>
      <c r="H209" s="13">
        <v>268632</v>
      </c>
    </row>
    <row r="210" spans="2:8" ht="15" customHeight="1">
      <c r="B210" s="9" t="s">
        <v>78</v>
      </c>
      <c r="C210" s="13">
        <v>0</v>
      </c>
      <c r="D210" s="13">
        <v>0</v>
      </c>
      <c r="E210" s="13">
        <v>0</v>
      </c>
      <c r="F210" s="13">
        <v>0</v>
      </c>
      <c r="G210" s="13">
        <v>0</v>
      </c>
      <c r="H210" s="13">
        <v>0</v>
      </c>
    </row>
    <row r="211" spans="2:8" ht="15" customHeight="1">
      <c r="B211" s="7" t="s">
        <v>86</v>
      </c>
      <c r="C211" s="12">
        <v>381</v>
      </c>
      <c r="D211" s="12">
        <v>457</v>
      </c>
      <c r="E211" s="12">
        <v>567</v>
      </c>
      <c r="F211" s="12">
        <v>661</v>
      </c>
      <c r="G211" s="12">
        <v>948</v>
      </c>
      <c r="H211" s="12">
        <v>1118</v>
      </c>
    </row>
    <row r="212" spans="2:8" ht="15" customHeight="1">
      <c r="B212" s="7" t="s">
        <v>87</v>
      </c>
      <c r="C212" s="12">
        <v>0</v>
      </c>
      <c r="D212" s="12">
        <v>0</v>
      </c>
      <c r="E212" s="12">
        <v>0</v>
      </c>
      <c r="F212" s="12">
        <v>0</v>
      </c>
      <c r="G212" s="12">
        <v>0</v>
      </c>
      <c r="H212" s="12">
        <v>0</v>
      </c>
    </row>
    <row r="213" spans="2:8" ht="15" customHeight="1">
      <c r="B213" s="16" t="s">
        <v>80</v>
      </c>
      <c r="C213" s="17">
        <v>9</v>
      </c>
      <c r="D213" s="17">
        <v>367</v>
      </c>
      <c r="E213" s="17">
        <v>53</v>
      </c>
      <c r="F213" s="17">
        <v>348</v>
      </c>
      <c r="G213" s="17">
        <v>62</v>
      </c>
      <c r="H213" s="17">
        <v>715</v>
      </c>
    </row>
    <row r="214" spans="2:8" ht="15" customHeight="1">
      <c r="B214" s="14" t="s">
        <v>85</v>
      </c>
      <c r="C214" s="15">
        <v>9</v>
      </c>
      <c r="D214" s="15">
        <v>367</v>
      </c>
      <c r="E214" s="15">
        <v>53</v>
      </c>
      <c r="F214" s="15">
        <v>348</v>
      </c>
      <c r="G214" s="15">
        <v>62</v>
      </c>
      <c r="H214" s="15">
        <v>715</v>
      </c>
    </row>
    <row r="215" spans="2:8" ht="15" customHeight="1">
      <c r="B215" s="14" t="s">
        <v>86</v>
      </c>
      <c r="C215" s="15">
        <v>0</v>
      </c>
      <c r="D215" s="15">
        <v>0</v>
      </c>
      <c r="E215" s="15">
        <v>0</v>
      </c>
      <c r="F215" s="15">
        <v>0</v>
      </c>
      <c r="G215" s="15">
        <v>0</v>
      </c>
      <c r="H215" s="15">
        <v>0</v>
      </c>
    </row>
    <row r="216" spans="2:8" ht="15" customHeight="1">
      <c r="B216" s="5" t="s">
        <v>40</v>
      </c>
      <c r="C216" s="11">
        <v>11661</v>
      </c>
      <c r="D216" s="11">
        <v>31928</v>
      </c>
      <c r="E216" s="11">
        <v>6202</v>
      </c>
      <c r="F216" s="11">
        <v>16996</v>
      </c>
      <c r="G216" s="11">
        <v>17863</v>
      </c>
      <c r="H216" s="11">
        <v>48924</v>
      </c>
    </row>
    <row r="217" spans="2:8" ht="15" customHeight="1">
      <c r="B217" s="16" t="s">
        <v>75</v>
      </c>
      <c r="C217" s="17">
        <v>0</v>
      </c>
      <c r="D217" s="17">
        <v>0</v>
      </c>
      <c r="E217" s="17">
        <v>0</v>
      </c>
      <c r="F217" s="17">
        <v>0</v>
      </c>
      <c r="G217" s="17">
        <v>0</v>
      </c>
      <c r="H217" s="17">
        <v>0</v>
      </c>
    </row>
    <row r="218" spans="2:8" ht="15" customHeight="1">
      <c r="B218" s="7" t="s">
        <v>85</v>
      </c>
      <c r="C218" s="12">
        <v>0</v>
      </c>
      <c r="D218" s="12">
        <v>0</v>
      </c>
      <c r="E218" s="12">
        <v>0</v>
      </c>
      <c r="F218" s="12">
        <v>0</v>
      </c>
      <c r="G218" s="12">
        <v>0</v>
      </c>
      <c r="H218" s="12">
        <v>0</v>
      </c>
    </row>
    <row r="219" spans="2:8" ht="15" customHeight="1">
      <c r="B219" s="9" t="s">
        <v>77</v>
      </c>
      <c r="C219" s="13">
        <v>0</v>
      </c>
      <c r="D219" s="13">
        <v>0</v>
      </c>
      <c r="E219" s="13">
        <v>0</v>
      </c>
      <c r="F219" s="13">
        <v>0</v>
      </c>
      <c r="G219" s="13">
        <v>0</v>
      </c>
      <c r="H219" s="13">
        <v>0</v>
      </c>
    </row>
    <row r="220" spans="2:8" ht="15" customHeight="1">
      <c r="B220" s="9" t="s">
        <v>78</v>
      </c>
      <c r="C220" s="13">
        <v>0</v>
      </c>
      <c r="D220" s="13">
        <v>0</v>
      </c>
      <c r="E220" s="13">
        <v>0</v>
      </c>
      <c r="F220" s="13">
        <v>0</v>
      </c>
      <c r="G220" s="13">
        <v>0</v>
      </c>
      <c r="H220" s="13">
        <v>0</v>
      </c>
    </row>
    <row r="221" spans="2:8" ht="15" customHeight="1">
      <c r="B221" s="7" t="s">
        <v>86</v>
      </c>
      <c r="C221" s="12">
        <v>0</v>
      </c>
      <c r="D221" s="12">
        <v>0</v>
      </c>
      <c r="E221" s="12">
        <v>0</v>
      </c>
      <c r="F221" s="12">
        <v>0</v>
      </c>
      <c r="G221" s="12">
        <v>0</v>
      </c>
      <c r="H221" s="12">
        <v>0</v>
      </c>
    </row>
    <row r="222" spans="2:8" ht="15" customHeight="1">
      <c r="B222" s="7" t="s">
        <v>87</v>
      </c>
      <c r="C222" s="12">
        <v>0</v>
      </c>
      <c r="D222" s="12">
        <v>0</v>
      </c>
      <c r="E222" s="12">
        <v>0</v>
      </c>
      <c r="F222" s="12">
        <v>0</v>
      </c>
      <c r="G222" s="12">
        <v>0</v>
      </c>
      <c r="H222" s="12">
        <v>0</v>
      </c>
    </row>
    <row r="223" spans="2:8" ht="15" customHeight="1">
      <c r="B223" s="16" t="s">
        <v>80</v>
      </c>
      <c r="C223" s="17">
        <v>11661</v>
      </c>
      <c r="D223" s="17">
        <v>31928</v>
      </c>
      <c r="E223" s="17">
        <v>6202</v>
      </c>
      <c r="F223" s="17">
        <v>16996</v>
      </c>
      <c r="G223" s="17">
        <v>17863</v>
      </c>
      <c r="H223" s="17">
        <v>48924</v>
      </c>
    </row>
    <row r="224" spans="2:8" ht="15" customHeight="1">
      <c r="B224" s="14" t="s">
        <v>85</v>
      </c>
      <c r="C224" s="15">
        <v>11658</v>
      </c>
      <c r="D224" s="15">
        <v>31920</v>
      </c>
      <c r="E224" s="15">
        <v>6202</v>
      </c>
      <c r="F224" s="15">
        <v>16996</v>
      </c>
      <c r="G224" s="15">
        <v>17860</v>
      </c>
      <c r="H224" s="15">
        <v>48916</v>
      </c>
    </row>
    <row r="225" spans="2:8" ht="15" customHeight="1">
      <c r="B225" s="14" t="s">
        <v>86</v>
      </c>
      <c r="C225" s="15">
        <v>3</v>
      </c>
      <c r="D225" s="15">
        <v>8</v>
      </c>
      <c r="E225" s="15">
        <v>0</v>
      </c>
      <c r="F225" s="15">
        <v>0</v>
      </c>
      <c r="G225" s="15">
        <v>3</v>
      </c>
      <c r="H225" s="15">
        <v>8</v>
      </c>
    </row>
    <row r="226" spans="2:8" ht="15" customHeight="1">
      <c r="B226" s="5" t="s">
        <v>41</v>
      </c>
      <c r="C226" s="11">
        <v>20726</v>
      </c>
      <c r="D226" s="11">
        <v>68699</v>
      </c>
      <c r="E226" s="11">
        <v>20856</v>
      </c>
      <c r="F226" s="11">
        <v>65514</v>
      </c>
      <c r="G226" s="11">
        <v>41582</v>
      </c>
      <c r="H226" s="11">
        <v>134213</v>
      </c>
    </row>
    <row r="227" spans="2:8" ht="15" customHeight="1">
      <c r="B227" s="16" t="s">
        <v>75</v>
      </c>
      <c r="C227" s="17">
        <v>20603</v>
      </c>
      <c r="D227" s="17">
        <v>68440</v>
      </c>
      <c r="E227" s="17">
        <v>20736</v>
      </c>
      <c r="F227" s="17">
        <v>65140</v>
      </c>
      <c r="G227" s="17">
        <v>41339</v>
      </c>
      <c r="H227" s="17">
        <v>133580</v>
      </c>
    </row>
    <row r="228" spans="2:8" ht="15" customHeight="1">
      <c r="B228" s="7" t="s">
        <v>85</v>
      </c>
      <c r="C228" s="12">
        <v>20603</v>
      </c>
      <c r="D228" s="12">
        <v>68440</v>
      </c>
      <c r="E228" s="12">
        <v>20736</v>
      </c>
      <c r="F228" s="12">
        <v>65140</v>
      </c>
      <c r="G228" s="12">
        <v>41339</v>
      </c>
      <c r="H228" s="12">
        <v>133580</v>
      </c>
    </row>
    <row r="229" spans="2:8" ht="15" customHeight="1">
      <c r="B229" s="9" t="s">
        <v>77</v>
      </c>
      <c r="C229" s="13">
        <v>20603</v>
      </c>
      <c r="D229" s="13">
        <v>67147</v>
      </c>
      <c r="E229" s="13">
        <v>20736</v>
      </c>
      <c r="F229" s="13">
        <v>63827</v>
      </c>
      <c r="G229" s="13">
        <v>41339</v>
      </c>
      <c r="H229" s="13">
        <v>130974</v>
      </c>
    </row>
    <row r="230" spans="2:8" ht="15" customHeight="1">
      <c r="B230" s="9" t="s">
        <v>78</v>
      </c>
      <c r="C230" s="13">
        <v>0</v>
      </c>
      <c r="D230" s="13">
        <v>1293</v>
      </c>
      <c r="E230" s="13">
        <v>0</v>
      </c>
      <c r="F230" s="13">
        <v>1313</v>
      </c>
      <c r="G230" s="13">
        <v>0</v>
      </c>
      <c r="H230" s="13">
        <v>2606</v>
      </c>
    </row>
    <row r="231" spans="2:8" ht="15" customHeight="1">
      <c r="B231" s="7" t="s">
        <v>86</v>
      </c>
      <c r="C231" s="12">
        <v>0</v>
      </c>
      <c r="D231" s="12">
        <v>0</v>
      </c>
      <c r="E231" s="12">
        <v>0</v>
      </c>
      <c r="F231" s="12">
        <v>0</v>
      </c>
      <c r="G231" s="12">
        <v>0</v>
      </c>
      <c r="H231" s="12">
        <v>0</v>
      </c>
    </row>
    <row r="232" spans="2:8" ht="15" customHeight="1">
      <c r="B232" s="7" t="s">
        <v>87</v>
      </c>
      <c r="C232" s="12">
        <v>0</v>
      </c>
      <c r="D232" s="12">
        <v>0</v>
      </c>
      <c r="E232" s="12">
        <v>0</v>
      </c>
      <c r="F232" s="12">
        <v>0</v>
      </c>
      <c r="G232" s="12">
        <v>0</v>
      </c>
      <c r="H232" s="12">
        <v>0</v>
      </c>
    </row>
    <row r="233" spans="2:8" ht="15" customHeight="1">
      <c r="B233" s="16" t="s">
        <v>80</v>
      </c>
      <c r="C233" s="17">
        <v>123</v>
      </c>
      <c r="D233" s="17">
        <v>259</v>
      </c>
      <c r="E233" s="17">
        <v>120</v>
      </c>
      <c r="F233" s="17">
        <v>374</v>
      </c>
      <c r="G233" s="17">
        <v>243</v>
      </c>
      <c r="H233" s="17">
        <v>633</v>
      </c>
    </row>
    <row r="234" spans="2:8" ht="15" customHeight="1">
      <c r="B234" s="14" t="s">
        <v>85</v>
      </c>
      <c r="C234" s="15">
        <v>123</v>
      </c>
      <c r="D234" s="15">
        <v>259</v>
      </c>
      <c r="E234" s="15">
        <v>120</v>
      </c>
      <c r="F234" s="15">
        <v>374</v>
      </c>
      <c r="G234" s="15">
        <v>243</v>
      </c>
      <c r="H234" s="15">
        <v>633</v>
      </c>
    </row>
    <row r="235" spans="2:8" ht="15" customHeight="1">
      <c r="B235" s="14" t="s">
        <v>86</v>
      </c>
      <c r="C235" s="15">
        <v>0</v>
      </c>
      <c r="D235" s="15">
        <v>0</v>
      </c>
      <c r="E235" s="15">
        <v>0</v>
      </c>
      <c r="F235" s="15">
        <v>0</v>
      </c>
      <c r="G235" s="15">
        <v>0</v>
      </c>
      <c r="H235" s="15">
        <v>0</v>
      </c>
    </row>
    <row r="236" spans="2:8" ht="15" customHeight="1">
      <c r="B236" s="5" t="s">
        <v>42</v>
      </c>
      <c r="C236" s="11">
        <v>19986</v>
      </c>
      <c r="D236" s="11">
        <v>57337</v>
      </c>
      <c r="E236" s="11">
        <v>20323</v>
      </c>
      <c r="F236" s="11">
        <v>56134</v>
      </c>
      <c r="G236" s="11">
        <v>40309</v>
      </c>
      <c r="H236" s="11">
        <v>113471</v>
      </c>
    </row>
    <row r="237" spans="2:8" ht="15" customHeight="1">
      <c r="B237" s="16" t="s">
        <v>75</v>
      </c>
      <c r="C237" s="17">
        <v>19835</v>
      </c>
      <c r="D237" s="17">
        <v>56229</v>
      </c>
      <c r="E237" s="17">
        <v>20208</v>
      </c>
      <c r="F237" s="17">
        <v>55065</v>
      </c>
      <c r="G237" s="17">
        <v>40043</v>
      </c>
      <c r="H237" s="17">
        <v>111294</v>
      </c>
    </row>
    <row r="238" spans="2:8" ht="15" customHeight="1">
      <c r="B238" s="7" t="s">
        <v>85</v>
      </c>
      <c r="C238" s="12">
        <v>19835</v>
      </c>
      <c r="D238" s="12">
        <v>56229</v>
      </c>
      <c r="E238" s="12">
        <v>20208</v>
      </c>
      <c r="F238" s="12">
        <v>55065</v>
      </c>
      <c r="G238" s="12">
        <v>40043</v>
      </c>
      <c r="H238" s="12">
        <v>111294</v>
      </c>
    </row>
    <row r="239" spans="2:8" ht="15" customHeight="1">
      <c r="B239" s="9" t="s">
        <v>77</v>
      </c>
      <c r="C239" s="13">
        <v>19835</v>
      </c>
      <c r="D239" s="13">
        <v>56229</v>
      </c>
      <c r="E239" s="13">
        <v>20208</v>
      </c>
      <c r="F239" s="13">
        <v>55065</v>
      </c>
      <c r="G239" s="13">
        <v>40043</v>
      </c>
      <c r="H239" s="13">
        <v>111294</v>
      </c>
    </row>
    <row r="240" spans="2:8" ht="15" customHeight="1">
      <c r="B240" s="9" t="s">
        <v>78</v>
      </c>
      <c r="C240" s="13">
        <v>0</v>
      </c>
      <c r="D240" s="13">
        <v>0</v>
      </c>
      <c r="E240" s="13">
        <v>0</v>
      </c>
      <c r="F240" s="13">
        <v>0</v>
      </c>
      <c r="G240" s="13">
        <v>0</v>
      </c>
      <c r="H240" s="13">
        <v>0</v>
      </c>
    </row>
    <row r="241" spans="2:8" ht="15" customHeight="1">
      <c r="B241" s="7" t="s">
        <v>86</v>
      </c>
      <c r="C241" s="12">
        <v>0</v>
      </c>
      <c r="D241" s="12">
        <v>0</v>
      </c>
      <c r="E241" s="12">
        <v>0</v>
      </c>
      <c r="F241" s="12">
        <v>0</v>
      </c>
      <c r="G241" s="12">
        <v>0</v>
      </c>
      <c r="H241" s="12">
        <v>0</v>
      </c>
    </row>
    <row r="242" spans="2:8" ht="15" customHeight="1">
      <c r="B242" s="7" t="s">
        <v>87</v>
      </c>
      <c r="C242" s="12">
        <v>0</v>
      </c>
      <c r="D242" s="12">
        <v>0</v>
      </c>
      <c r="E242" s="12">
        <v>0</v>
      </c>
      <c r="F242" s="12">
        <v>0</v>
      </c>
      <c r="G242" s="12">
        <v>0</v>
      </c>
      <c r="H242" s="12">
        <v>0</v>
      </c>
    </row>
    <row r="243" spans="2:8" ht="15" customHeight="1">
      <c r="B243" s="16" t="s">
        <v>80</v>
      </c>
      <c r="C243" s="17">
        <v>151</v>
      </c>
      <c r="D243" s="17">
        <v>1108</v>
      </c>
      <c r="E243" s="17">
        <v>115</v>
      </c>
      <c r="F243" s="17">
        <v>1069</v>
      </c>
      <c r="G243" s="17">
        <v>266</v>
      </c>
      <c r="H243" s="17">
        <v>2177</v>
      </c>
    </row>
    <row r="244" spans="2:8" ht="15" customHeight="1">
      <c r="B244" s="14" t="s">
        <v>85</v>
      </c>
      <c r="C244" s="15">
        <v>151</v>
      </c>
      <c r="D244" s="15">
        <v>1108</v>
      </c>
      <c r="E244" s="15">
        <v>115</v>
      </c>
      <c r="F244" s="15">
        <v>1069</v>
      </c>
      <c r="G244" s="15">
        <v>266</v>
      </c>
      <c r="H244" s="15">
        <v>2177</v>
      </c>
    </row>
    <row r="245" spans="2:8" ht="15" customHeight="1">
      <c r="B245" s="14" t="s">
        <v>86</v>
      </c>
      <c r="C245" s="15">
        <v>0</v>
      </c>
      <c r="D245" s="15">
        <v>0</v>
      </c>
      <c r="E245" s="15">
        <v>0</v>
      </c>
      <c r="F245" s="15">
        <v>0</v>
      </c>
      <c r="G245" s="15">
        <v>0</v>
      </c>
      <c r="H245" s="15">
        <v>0</v>
      </c>
    </row>
    <row r="246" spans="2:8" ht="15" customHeight="1">
      <c r="B246" s="5" t="s">
        <v>43</v>
      </c>
      <c r="C246" s="11">
        <v>6270</v>
      </c>
      <c r="D246" s="11">
        <v>21387</v>
      </c>
      <c r="E246" s="11">
        <v>6724</v>
      </c>
      <c r="F246" s="11">
        <v>24027</v>
      </c>
      <c r="G246" s="11">
        <v>12994</v>
      </c>
      <c r="H246" s="11">
        <v>45414</v>
      </c>
    </row>
    <row r="247" spans="2:8" ht="15" customHeight="1">
      <c r="B247" s="16" t="s">
        <v>75</v>
      </c>
      <c r="C247" s="17">
        <v>4414</v>
      </c>
      <c r="D247" s="17">
        <v>15057</v>
      </c>
      <c r="E247" s="17">
        <v>4565</v>
      </c>
      <c r="F247" s="17">
        <v>16327</v>
      </c>
      <c r="G247" s="17">
        <v>8979</v>
      </c>
      <c r="H247" s="17">
        <v>31384</v>
      </c>
    </row>
    <row r="248" spans="2:8" ht="15" customHeight="1">
      <c r="B248" s="7" t="s">
        <v>85</v>
      </c>
      <c r="C248" s="12">
        <v>4414</v>
      </c>
      <c r="D248" s="12">
        <v>15057</v>
      </c>
      <c r="E248" s="12">
        <v>4565</v>
      </c>
      <c r="F248" s="12">
        <v>16327</v>
      </c>
      <c r="G248" s="12">
        <v>8979</v>
      </c>
      <c r="H248" s="12">
        <v>31384</v>
      </c>
    </row>
    <row r="249" spans="2:8" ht="15" customHeight="1">
      <c r="B249" s="9" t="s">
        <v>77</v>
      </c>
      <c r="C249" s="13">
        <v>2950</v>
      </c>
      <c r="D249" s="13">
        <v>10461</v>
      </c>
      <c r="E249" s="13">
        <v>3346</v>
      </c>
      <c r="F249" s="13">
        <v>12480</v>
      </c>
      <c r="G249" s="13">
        <v>6296</v>
      </c>
      <c r="H249" s="13">
        <v>22941</v>
      </c>
    </row>
    <row r="250" spans="2:8" ht="15" customHeight="1">
      <c r="B250" s="9" t="s">
        <v>78</v>
      </c>
      <c r="C250" s="13">
        <v>1464</v>
      </c>
      <c r="D250" s="13">
        <v>4596</v>
      </c>
      <c r="E250" s="13">
        <v>1219</v>
      </c>
      <c r="F250" s="13">
        <v>3847</v>
      </c>
      <c r="G250" s="13">
        <v>2683</v>
      </c>
      <c r="H250" s="13">
        <v>8443</v>
      </c>
    </row>
    <row r="251" spans="2:8" ht="15" customHeight="1">
      <c r="B251" s="7" t="s">
        <v>86</v>
      </c>
      <c r="C251" s="12">
        <v>0</v>
      </c>
      <c r="D251" s="12">
        <v>0</v>
      </c>
      <c r="E251" s="12">
        <v>0</v>
      </c>
      <c r="F251" s="12">
        <v>0</v>
      </c>
      <c r="G251" s="12">
        <v>0</v>
      </c>
      <c r="H251" s="12">
        <v>0</v>
      </c>
    </row>
    <row r="252" spans="2:8" ht="15" customHeight="1">
      <c r="B252" s="7" t="s">
        <v>87</v>
      </c>
      <c r="C252" s="12">
        <v>0</v>
      </c>
      <c r="D252" s="12">
        <v>0</v>
      </c>
      <c r="E252" s="12">
        <v>0</v>
      </c>
      <c r="F252" s="12">
        <v>0</v>
      </c>
      <c r="G252" s="12">
        <v>0</v>
      </c>
      <c r="H252" s="12">
        <v>0</v>
      </c>
    </row>
    <row r="253" spans="2:8" ht="15" customHeight="1">
      <c r="B253" s="16" t="s">
        <v>80</v>
      </c>
      <c r="C253" s="17">
        <v>1856</v>
      </c>
      <c r="D253" s="17">
        <v>6330</v>
      </c>
      <c r="E253" s="17">
        <v>2159</v>
      </c>
      <c r="F253" s="17">
        <v>7700</v>
      </c>
      <c r="G253" s="17">
        <v>4015</v>
      </c>
      <c r="H253" s="17">
        <v>14030</v>
      </c>
    </row>
    <row r="254" spans="2:8" ht="15" customHeight="1">
      <c r="B254" s="14" t="s">
        <v>85</v>
      </c>
      <c r="C254" s="15">
        <v>1856</v>
      </c>
      <c r="D254" s="15">
        <v>6330</v>
      </c>
      <c r="E254" s="15">
        <v>2159</v>
      </c>
      <c r="F254" s="15">
        <v>7700</v>
      </c>
      <c r="G254" s="15">
        <v>4015</v>
      </c>
      <c r="H254" s="15">
        <v>14030</v>
      </c>
    </row>
    <row r="255" spans="2:8" ht="15" customHeight="1">
      <c r="B255" s="14" t="s">
        <v>86</v>
      </c>
      <c r="C255" s="15">
        <v>0</v>
      </c>
      <c r="D255" s="15">
        <v>0</v>
      </c>
      <c r="E255" s="15">
        <v>0</v>
      </c>
      <c r="F255" s="15">
        <v>0</v>
      </c>
      <c r="G255" s="15">
        <v>0</v>
      </c>
      <c r="H255" s="15">
        <v>0</v>
      </c>
    </row>
    <row r="256" spans="2:8" ht="15" customHeight="1">
      <c r="B256" s="5" t="s">
        <v>44</v>
      </c>
      <c r="C256" s="11">
        <v>37716</v>
      </c>
      <c r="D256" s="11">
        <v>103701</v>
      </c>
      <c r="E256" s="11">
        <v>38614</v>
      </c>
      <c r="F256" s="11">
        <v>103238</v>
      </c>
      <c r="G256" s="11">
        <v>76330</v>
      </c>
      <c r="H256" s="11">
        <v>206939</v>
      </c>
    </row>
    <row r="257" spans="2:8" ht="15" customHeight="1">
      <c r="B257" s="16" t="s">
        <v>75</v>
      </c>
      <c r="C257" s="17">
        <v>37522</v>
      </c>
      <c r="D257" s="17">
        <v>100048</v>
      </c>
      <c r="E257" s="17">
        <v>38296</v>
      </c>
      <c r="F257" s="17">
        <v>99932</v>
      </c>
      <c r="G257" s="17">
        <v>75818</v>
      </c>
      <c r="H257" s="17">
        <v>199980</v>
      </c>
    </row>
    <row r="258" spans="2:8" ht="15" customHeight="1">
      <c r="B258" s="7" t="s">
        <v>85</v>
      </c>
      <c r="C258" s="12">
        <v>37522</v>
      </c>
      <c r="D258" s="12">
        <v>100048</v>
      </c>
      <c r="E258" s="12">
        <v>38296</v>
      </c>
      <c r="F258" s="12">
        <v>99932</v>
      </c>
      <c r="G258" s="12">
        <v>75818</v>
      </c>
      <c r="H258" s="12">
        <v>199980</v>
      </c>
    </row>
    <row r="259" spans="2:8" ht="15" customHeight="1">
      <c r="B259" s="9" t="s">
        <v>77</v>
      </c>
      <c r="C259" s="13">
        <v>6490</v>
      </c>
      <c r="D259" s="13">
        <v>15397</v>
      </c>
      <c r="E259" s="13">
        <v>8450</v>
      </c>
      <c r="F259" s="13">
        <v>18091</v>
      </c>
      <c r="G259" s="13">
        <v>14940</v>
      </c>
      <c r="H259" s="13">
        <v>33488</v>
      </c>
    </row>
    <row r="260" spans="2:8" ht="15" customHeight="1">
      <c r="B260" s="9" t="s">
        <v>78</v>
      </c>
      <c r="C260" s="13">
        <v>31032</v>
      </c>
      <c r="D260" s="13">
        <v>84651</v>
      </c>
      <c r="E260" s="13">
        <v>29846</v>
      </c>
      <c r="F260" s="13">
        <v>81841</v>
      </c>
      <c r="G260" s="13">
        <v>60878</v>
      </c>
      <c r="H260" s="13">
        <v>166492</v>
      </c>
    </row>
    <row r="261" spans="2:8" ht="15" customHeight="1">
      <c r="B261" s="7" t="s">
        <v>86</v>
      </c>
      <c r="C261" s="12">
        <v>0</v>
      </c>
      <c r="D261" s="12">
        <v>0</v>
      </c>
      <c r="E261" s="12">
        <v>0</v>
      </c>
      <c r="F261" s="12">
        <v>0</v>
      </c>
      <c r="G261" s="12">
        <v>0</v>
      </c>
      <c r="H261" s="12">
        <v>0</v>
      </c>
    </row>
    <row r="262" spans="2:8" ht="15" customHeight="1">
      <c r="B262" s="7" t="s">
        <v>87</v>
      </c>
      <c r="C262" s="12">
        <v>0</v>
      </c>
      <c r="D262" s="12">
        <v>0</v>
      </c>
      <c r="E262" s="12">
        <v>0</v>
      </c>
      <c r="F262" s="12">
        <v>0</v>
      </c>
      <c r="G262" s="12">
        <v>0</v>
      </c>
      <c r="H262" s="12">
        <v>0</v>
      </c>
    </row>
    <row r="263" spans="2:8" ht="15" customHeight="1">
      <c r="B263" s="16" t="s">
        <v>80</v>
      </c>
      <c r="C263" s="17">
        <v>194</v>
      </c>
      <c r="D263" s="17">
        <v>3653</v>
      </c>
      <c r="E263" s="17">
        <v>318</v>
      </c>
      <c r="F263" s="17">
        <v>3306</v>
      </c>
      <c r="G263" s="17">
        <v>512</v>
      </c>
      <c r="H263" s="17">
        <v>6959</v>
      </c>
    </row>
    <row r="264" spans="2:8" ht="15" customHeight="1">
      <c r="B264" s="14" t="s">
        <v>85</v>
      </c>
      <c r="C264" s="15">
        <v>194</v>
      </c>
      <c r="D264" s="15">
        <v>3653</v>
      </c>
      <c r="E264" s="15">
        <v>318</v>
      </c>
      <c r="F264" s="15">
        <v>3306</v>
      </c>
      <c r="G264" s="15">
        <v>512</v>
      </c>
      <c r="H264" s="15">
        <v>6959</v>
      </c>
    </row>
    <row r="265" spans="2:8" ht="15" customHeight="1">
      <c r="B265" s="14" t="s">
        <v>86</v>
      </c>
      <c r="C265" s="15">
        <v>0</v>
      </c>
      <c r="D265" s="15">
        <v>0</v>
      </c>
      <c r="E265" s="15">
        <v>0</v>
      </c>
      <c r="F265" s="15">
        <v>0</v>
      </c>
      <c r="G265" s="15">
        <v>0</v>
      </c>
      <c r="H265" s="15">
        <v>0</v>
      </c>
    </row>
    <row r="266" spans="2:8" ht="15" customHeight="1">
      <c r="B266" s="5" t="s">
        <v>45</v>
      </c>
      <c r="C266" s="11">
        <v>11373</v>
      </c>
      <c r="D266" s="11">
        <v>33069</v>
      </c>
      <c r="E266" s="11">
        <v>10538</v>
      </c>
      <c r="F266" s="11">
        <v>30787</v>
      </c>
      <c r="G266" s="11">
        <v>21911</v>
      </c>
      <c r="H266" s="11">
        <v>63856</v>
      </c>
    </row>
    <row r="267" spans="2:8" ht="15" customHeight="1">
      <c r="B267" s="16" t="s">
        <v>75</v>
      </c>
      <c r="C267" s="17">
        <v>11056</v>
      </c>
      <c r="D267" s="17">
        <v>32222</v>
      </c>
      <c r="E267" s="17">
        <v>10175</v>
      </c>
      <c r="F267" s="17">
        <v>29904</v>
      </c>
      <c r="G267" s="17">
        <v>21231</v>
      </c>
      <c r="H267" s="17">
        <v>62126</v>
      </c>
    </row>
    <row r="268" spans="2:8" ht="15" customHeight="1">
      <c r="B268" s="7" t="s">
        <v>85</v>
      </c>
      <c r="C268" s="12">
        <v>11056</v>
      </c>
      <c r="D268" s="12">
        <v>32222</v>
      </c>
      <c r="E268" s="12">
        <v>10175</v>
      </c>
      <c r="F268" s="12">
        <v>29904</v>
      </c>
      <c r="G268" s="12">
        <v>21231</v>
      </c>
      <c r="H268" s="12">
        <v>62126</v>
      </c>
    </row>
    <row r="269" spans="2:8" ht="15" customHeight="1">
      <c r="B269" s="9" t="s">
        <v>77</v>
      </c>
      <c r="C269" s="13">
        <v>10700</v>
      </c>
      <c r="D269" s="13">
        <v>31334</v>
      </c>
      <c r="E269" s="13">
        <v>9800</v>
      </c>
      <c r="F269" s="13">
        <v>28985</v>
      </c>
      <c r="G269" s="13">
        <v>20500</v>
      </c>
      <c r="H269" s="13">
        <v>60319</v>
      </c>
    </row>
    <row r="270" spans="2:8" ht="15" customHeight="1">
      <c r="B270" s="9" t="s">
        <v>78</v>
      </c>
      <c r="C270" s="13">
        <v>356</v>
      </c>
      <c r="D270" s="13">
        <v>888</v>
      </c>
      <c r="E270" s="13">
        <v>375</v>
      </c>
      <c r="F270" s="13">
        <v>919</v>
      </c>
      <c r="G270" s="13">
        <v>731</v>
      </c>
      <c r="H270" s="13">
        <v>1807</v>
      </c>
    </row>
    <row r="271" spans="2:8" ht="15" customHeight="1">
      <c r="B271" s="7" t="s">
        <v>86</v>
      </c>
      <c r="C271" s="12">
        <v>0</v>
      </c>
      <c r="D271" s="12">
        <v>0</v>
      </c>
      <c r="E271" s="12">
        <v>0</v>
      </c>
      <c r="F271" s="12">
        <v>0</v>
      </c>
      <c r="G271" s="12">
        <v>0</v>
      </c>
      <c r="H271" s="12">
        <v>0</v>
      </c>
    </row>
    <row r="272" spans="2:8" ht="15" customHeight="1">
      <c r="B272" s="7" t="s">
        <v>87</v>
      </c>
      <c r="C272" s="12">
        <v>0</v>
      </c>
      <c r="D272" s="12">
        <v>0</v>
      </c>
      <c r="E272" s="12">
        <v>0</v>
      </c>
      <c r="F272" s="12">
        <v>0</v>
      </c>
      <c r="G272" s="12">
        <v>0</v>
      </c>
      <c r="H272" s="12">
        <v>0</v>
      </c>
    </row>
    <row r="273" spans="2:8" ht="15" customHeight="1">
      <c r="B273" s="16" t="s">
        <v>80</v>
      </c>
      <c r="C273" s="17">
        <v>317</v>
      </c>
      <c r="D273" s="17">
        <v>847</v>
      </c>
      <c r="E273" s="17">
        <v>363</v>
      </c>
      <c r="F273" s="17">
        <v>883</v>
      </c>
      <c r="G273" s="17">
        <v>680</v>
      </c>
      <c r="H273" s="17">
        <v>1730</v>
      </c>
    </row>
    <row r="274" spans="2:8" ht="15" customHeight="1">
      <c r="B274" s="14" t="s">
        <v>85</v>
      </c>
      <c r="C274" s="15">
        <v>317</v>
      </c>
      <c r="D274" s="15">
        <v>847</v>
      </c>
      <c r="E274" s="15">
        <v>363</v>
      </c>
      <c r="F274" s="15">
        <v>883</v>
      </c>
      <c r="G274" s="15">
        <v>680</v>
      </c>
      <c r="H274" s="15">
        <v>1730</v>
      </c>
    </row>
    <row r="275" spans="2:8" ht="15" customHeight="1">
      <c r="B275" s="14" t="s">
        <v>86</v>
      </c>
      <c r="C275" s="15">
        <v>0</v>
      </c>
      <c r="D275" s="15">
        <v>0</v>
      </c>
      <c r="E275" s="15">
        <v>0</v>
      </c>
      <c r="F275" s="15">
        <v>0</v>
      </c>
      <c r="G275" s="15">
        <v>0</v>
      </c>
      <c r="H275" s="15">
        <v>0</v>
      </c>
    </row>
    <row r="276" spans="2:8" ht="15" customHeight="1">
      <c r="B276" s="5" t="s">
        <v>46</v>
      </c>
      <c r="C276" s="11">
        <v>7075</v>
      </c>
      <c r="D276" s="11">
        <v>21787</v>
      </c>
      <c r="E276" s="11">
        <v>5724</v>
      </c>
      <c r="F276" s="11">
        <v>17835</v>
      </c>
      <c r="G276" s="11">
        <v>12799</v>
      </c>
      <c r="H276" s="11">
        <v>39622</v>
      </c>
    </row>
    <row r="277" spans="2:8" ht="15" customHeight="1">
      <c r="B277" s="16" t="s">
        <v>75</v>
      </c>
      <c r="C277" s="17">
        <v>0</v>
      </c>
      <c r="D277" s="17">
        <v>0</v>
      </c>
      <c r="E277" s="17">
        <v>0</v>
      </c>
      <c r="F277" s="17">
        <v>0</v>
      </c>
      <c r="G277" s="17">
        <v>0</v>
      </c>
      <c r="H277" s="17">
        <v>0</v>
      </c>
    </row>
    <row r="278" spans="2:8" ht="15" customHeight="1">
      <c r="B278" s="7" t="s">
        <v>85</v>
      </c>
      <c r="C278" s="12">
        <v>0</v>
      </c>
      <c r="D278" s="12">
        <v>0</v>
      </c>
      <c r="E278" s="12">
        <v>0</v>
      </c>
      <c r="F278" s="12">
        <v>0</v>
      </c>
      <c r="G278" s="12">
        <v>0</v>
      </c>
      <c r="H278" s="12">
        <v>0</v>
      </c>
    </row>
    <row r="279" spans="2:8" ht="15" customHeight="1">
      <c r="B279" s="9" t="s">
        <v>77</v>
      </c>
      <c r="C279" s="13">
        <v>0</v>
      </c>
      <c r="D279" s="13">
        <v>0</v>
      </c>
      <c r="E279" s="13">
        <v>0</v>
      </c>
      <c r="F279" s="13">
        <v>0</v>
      </c>
      <c r="G279" s="13">
        <v>0</v>
      </c>
      <c r="H279" s="13">
        <v>0</v>
      </c>
    </row>
    <row r="280" spans="2:8" ht="15" customHeight="1">
      <c r="B280" s="9" t="s">
        <v>78</v>
      </c>
      <c r="C280" s="13">
        <v>0</v>
      </c>
      <c r="D280" s="13">
        <v>0</v>
      </c>
      <c r="E280" s="13">
        <v>0</v>
      </c>
      <c r="F280" s="13">
        <v>0</v>
      </c>
      <c r="G280" s="13">
        <v>0</v>
      </c>
      <c r="H280" s="13">
        <v>0</v>
      </c>
    </row>
    <row r="281" spans="2:8" ht="15" customHeight="1">
      <c r="B281" s="7" t="s">
        <v>86</v>
      </c>
      <c r="C281" s="12">
        <v>0</v>
      </c>
      <c r="D281" s="12">
        <v>0</v>
      </c>
      <c r="E281" s="12">
        <v>0</v>
      </c>
      <c r="F281" s="12">
        <v>0</v>
      </c>
      <c r="G281" s="12">
        <v>0</v>
      </c>
      <c r="H281" s="12">
        <v>0</v>
      </c>
    </row>
    <row r="282" spans="2:8" ht="15" customHeight="1">
      <c r="B282" s="7" t="s">
        <v>87</v>
      </c>
      <c r="C282" s="12">
        <v>0</v>
      </c>
      <c r="D282" s="12">
        <v>0</v>
      </c>
      <c r="E282" s="12">
        <v>0</v>
      </c>
      <c r="F282" s="12">
        <v>0</v>
      </c>
      <c r="G282" s="12">
        <v>0</v>
      </c>
      <c r="H282" s="12">
        <v>0</v>
      </c>
    </row>
    <row r="283" spans="2:8" ht="15" customHeight="1">
      <c r="B283" s="16" t="s">
        <v>80</v>
      </c>
      <c r="C283" s="17">
        <v>7075</v>
      </c>
      <c r="D283" s="17">
        <v>21787</v>
      </c>
      <c r="E283" s="17">
        <v>5724</v>
      </c>
      <c r="F283" s="17">
        <v>17835</v>
      </c>
      <c r="G283" s="17">
        <v>12799</v>
      </c>
      <c r="H283" s="17">
        <v>39622</v>
      </c>
    </row>
    <row r="284" spans="2:8" ht="15" customHeight="1">
      <c r="B284" s="14" t="s">
        <v>85</v>
      </c>
      <c r="C284" s="15">
        <v>7075</v>
      </c>
      <c r="D284" s="15">
        <v>21787</v>
      </c>
      <c r="E284" s="15">
        <v>5724</v>
      </c>
      <c r="F284" s="15">
        <v>17835</v>
      </c>
      <c r="G284" s="15">
        <v>12799</v>
      </c>
      <c r="H284" s="15">
        <v>39622</v>
      </c>
    </row>
    <row r="285" spans="2:8" ht="15" customHeight="1">
      <c r="B285" s="14" t="s">
        <v>86</v>
      </c>
      <c r="C285" s="15">
        <v>0</v>
      </c>
      <c r="D285" s="15">
        <v>0</v>
      </c>
      <c r="E285" s="15">
        <v>0</v>
      </c>
      <c r="F285" s="15">
        <v>0</v>
      </c>
      <c r="G285" s="15">
        <v>0</v>
      </c>
      <c r="H285" s="15">
        <v>0</v>
      </c>
    </row>
    <row r="286" spans="2:8" ht="15" customHeight="1">
      <c r="B286" s="5" t="s">
        <v>47</v>
      </c>
      <c r="C286" s="11">
        <v>9853</v>
      </c>
      <c r="D286" s="11">
        <v>29079</v>
      </c>
      <c r="E286" s="11">
        <v>9096</v>
      </c>
      <c r="F286" s="11">
        <v>26639</v>
      </c>
      <c r="G286" s="11">
        <v>18949</v>
      </c>
      <c r="H286" s="11">
        <v>55718</v>
      </c>
    </row>
    <row r="287" spans="2:8" ht="15" customHeight="1">
      <c r="B287" s="16" t="s">
        <v>75</v>
      </c>
      <c r="C287" s="17">
        <v>9302</v>
      </c>
      <c r="D287" s="17">
        <v>25054</v>
      </c>
      <c r="E287" s="17">
        <v>8908</v>
      </c>
      <c r="F287" s="17">
        <v>23905</v>
      </c>
      <c r="G287" s="17">
        <v>18210</v>
      </c>
      <c r="H287" s="17">
        <v>48959</v>
      </c>
    </row>
    <row r="288" spans="2:8" ht="15" customHeight="1">
      <c r="B288" s="7" t="s">
        <v>85</v>
      </c>
      <c r="C288" s="12">
        <v>9302</v>
      </c>
      <c r="D288" s="12">
        <v>25054</v>
      </c>
      <c r="E288" s="12">
        <v>8908</v>
      </c>
      <c r="F288" s="12">
        <v>23905</v>
      </c>
      <c r="G288" s="12">
        <v>18210</v>
      </c>
      <c r="H288" s="12">
        <v>48959</v>
      </c>
    </row>
    <row r="289" spans="2:8" ht="15" customHeight="1">
      <c r="B289" s="9" t="s">
        <v>77</v>
      </c>
      <c r="C289" s="13">
        <v>9302</v>
      </c>
      <c r="D289" s="13">
        <v>25054</v>
      </c>
      <c r="E289" s="13">
        <v>8908</v>
      </c>
      <c r="F289" s="13">
        <v>23905</v>
      </c>
      <c r="G289" s="13">
        <v>18210</v>
      </c>
      <c r="H289" s="13">
        <v>48959</v>
      </c>
    </row>
    <row r="290" spans="2:8" ht="15" customHeight="1">
      <c r="B290" s="9" t="s">
        <v>78</v>
      </c>
      <c r="C290" s="13">
        <v>0</v>
      </c>
      <c r="D290" s="13">
        <v>0</v>
      </c>
      <c r="E290" s="13">
        <v>0</v>
      </c>
      <c r="F290" s="13">
        <v>0</v>
      </c>
      <c r="G290" s="13">
        <v>0</v>
      </c>
      <c r="H290" s="13">
        <v>0</v>
      </c>
    </row>
    <row r="291" spans="2:8" ht="15" customHeight="1">
      <c r="B291" s="7" t="s">
        <v>86</v>
      </c>
      <c r="C291" s="12">
        <v>0</v>
      </c>
      <c r="D291" s="12">
        <v>0</v>
      </c>
      <c r="E291" s="12">
        <v>0</v>
      </c>
      <c r="F291" s="12">
        <v>0</v>
      </c>
      <c r="G291" s="12">
        <v>0</v>
      </c>
      <c r="H291" s="12">
        <v>0</v>
      </c>
    </row>
    <row r="292" spans="2:8" ht="15" customHeight="1">
      <c r="B292" s="7" t="s">
        <v>87</v>
      </c>
      <c r="C292" s="12">
        <v>0</v>
      </c>
      <c r="D292" s="12">
        <v>0</v>
      </c>
      <c r="E292" s="12">
        <v>0</v>
      </c>
      <c r="F292" s="12">
        <v>0</v>
      </c>
      <c r="G292" s="12">
        <v>0</v>
      </c>
      <c r="H292" s="12">
        <v>0</v>
      </c>
    </row>
    <row r="293" spans="2:8" ht="15" customHeight="1">
      <c r="B293" s="16" t="s">
        <v>80</v>
      </c>
      <c r="C293" s="17">
        <v>551</v>
      </c>
      <c r="D293" s="17">
        <v>4025</v>
      </c>
      <c r="E293" s="17">
        <v>188</v>
      </c>
      <c r="F293" s="17">
        <v>2734</v>
      </c>
      <c r="G293" s="17">
        <v>739</v>
      </c>
      <c r="H293" s="17">
        <v>6759</v>
      </c>
    </row>
    <row r="294" spans="2:8" ht="15" customHeight="1">
      <c r="B294" s="14" t="s">
        <v>85</v>
      </c>
      <c r="C294" s="15">
        <v>551</v>
      </c>
      <c r="D294" s="15">
        <v>4025</v>
      </c>
      <c r="E294" s="15">
        <v>188</v>
      </c>
      <c r="F294" s="15">
        <v>2734</v>
      </c>
      <c r="G294" s="15">
        <v>739</v>
      </c>
      <c r="H294" s="15">
        <v>6759</v>
      </c>
    </row>
    <row r="295" spans="2:8" ht="15" customHeight="1">
      <c r="B295" s="14" t="s">
        <v>86</v>
      </c>
      <c r="C295" s="15">
        <v>0</v>
      </c>
      <c r="D295" s="15">
        <v>0</v>
      </c>
      <c r="E295" s="15">
        <v>0</v>
      </c>
      <c r="F295" s="15">
        <v>0</v>
      </c>
      <c r="G295" s="15">
        <v>0</v>
      </c>
      <c r="H295" s="15">
        <v>0</v>
      </c>
    </row>
    <row r="296" spans="2:8" ht="15" customHeight="1">
      <c r="B296" s="5" t="s">
        <v>48</v>
      </c>
      <c r="C296" s="11">
        <v>90346</v>
      </c>
      <c r="D296" s="11">
        <v>307135</v>
      </c>
      <c r="E296" s="11">
        <v>87112</v>
      </c>
      <c r="F296" s="11">
        <v>288097</v>
      </c>
      <c r="G296" s="11">
        <v>177458</v>
      </c>
      <c r="H296" s="11">
        <v>595232</v>
      </c>
    </row>
    <row r="297" spans="2:8" ht="15" customHeight="1">
      <c r="B297" s="16" t="s">
        <v>75</v>
      </c>
      <c r="C297" s="17">
        <v>89265</v>
      </c>
      <c r="D297" s="17">
        <v>288520</v>
      </c>
      <c r="E297" s="17">
        <v>85886</v>
      </c>
      <c r="F297" s="17">
        <v>269704</v>
      </c>
      <c r="G297" s="17">
        <v>175151</v>
      </c>
      <c r="H297" s="17">
        <v>558224</v>
      </c>
    </row>
    <row r="298" spans="2:8" ht="15" customHeight="1">
      <c r="B298" s="7" t="s">
        <v>85</v>
      </c>
      <c r="C298" s="12">
        <v>88195</v>
      </c>
      <c r="D298" s="12">
        <v>284412</v>
      </c>
      <c r="E298" s="12">
        <v>84890</v>
      </c>
      <c r="F298" s="12">
        <v>265562</v>
      </c>
      <c r="G298" s="12">
        <v>173085</v>
      </c>
      <c r="H298" s="12">
        <v>549974</v>
      </c>
    </row>
    <row r="299" spans="2:8" ht="15" customHeight="1">
      <c r="B299" s="9" t="s">
        <v>77</v>
      </c>
      <c r="C299" s="13">
        <v>82949</v>
      </c>
      <c r="D299" s="13">
        <v>270459</v>
      </c>
      <c r="E299" s="13">
        <v>80122</v>
      </c>
      <c r="F299" s="13">
        <v>252285</v>
      </c>
      <c r="G299" s="13">
        <v>163071</v>
      </c>
      <c r="H299" s="13">
        <v>522744</v>
      </c>
    </row>
    <row r="300" spans="2:8" ht="15" customHeight="1">
      <c r="B300" s="9" t="s">
        <v>78</v>
      </c>
      <c r="C300" s="13">
        <v>5246</v>
      </c>
      <c r="D300" s="13">
        <v>13953</v>
      </c>
      <c r="E300" s="13">
        <v>4768</v>
      </c>
      <c r="F300" s="13">
        <v>13277</v>
      </c>
      <c r="G300" s="13">
        <v>10014</v>
      </c>
      <c r="H300" s="13">
        <v>27230</v>
      </c>
    </row>
    <row r="301" spans="2:8" ht="15" customHeight="1">
      <c r="B301" s="7" t="s">
        <v>86</v>
      </c>
      <c r="C301" s="12">
        <v>1070</v>
      </c>
      <c r="D301" s="12">
        <v>4108</v>
      </c>
      <c r="E301" s="12">
        <v>996</v>
      </c>
      <c r="F301" s="12">
        <v>4142</v>
      </c>
      <c r="G301" s="12">
        <v>2066</v>
      </c>
      <c r="H301" s="12">
        <v>8250</v>
      </c>
    </row>
    <row r="302" spans="2:8" ht="15" customHeight="1">
      <c r="B302" s="7" t="s">
        <v>87</v>
      </c>
      <c r="C302" s="12">
        <v>0</v>
      </c>
      <c r="D302" s="12">
        <v>0</v>
      </c>
      <c r="E302" s="12">
        <v>0</v>
      </c>
      <c r="F302" s="12">
        <v>0</v>
      </c>
      <c r="G302" s="12">
        <v>0</v>
      </c>
      <c r="H302" s="12">
        <v>0</v>
      </c>
    </row>
    <row r="303" spans="2:8" ht="15" customHeight="1">
      <c r="B303" s="16" t="s">
        <v>80</v>
      </c>
      <c r="C303" s="17">
        <v>1081</v>
      </c>
      <c r="D303" s="17">
        <v>18615</v>
      </c>
      <c r="E303" s="17">
        <v>1226</v>
      </c>
      <c r="F303" s="17">
        <v>18393</v>
      </c>
      <c r="G303" s="17">
        <v>2307</v>
      </c>
      <c r="H303" s="17">
        <v>37008</v>
      </c>
    </row>
    <row r="304" spans="2:8" ht="15" customHeight="1">
      <c r="B304" s="14" t="s">
        <v>85</v>
      </c>
      <c r="C304" s="15">
        <v>1081</v>
      </c>
      <c r="D304" s="15">
        <v>18611</v>
      </c>
      <c r="E304" s="15">
        <v>1226</v>
      </c>
      <c r="F304" s="15">
        <v>18388</v>
      </c>
      <c r="G304" s="15">
        <v>2307</v>
      </c>
      <c r="H304" s="15">
        <v>36999</v>
      </c>
    </row>
    <row r="305" spans="2:8" ht="15" customHeight="1">
      <c r="B305" s="14" t="s">
        <v>86</v>
      </c>
      <c r="C305" s="15">
        <v>0</v>
      </c>
      <c r="D305" s="15">
        <v>4</v>
      </c>
      <c r="E305" s="15">
        <v>0</v>
      </c>
      <c r="F305" s="15">
        <v>5</v>
      </c>
      <c r="G305" s="15">
        <v>0</v>
      </c>
      <c r="H305" s="15">
        <v>9</v>
      </c>
    </row>
    <row r="306" spans="2:8" ht="15" customHeight="1">
      <c r="B306" s="5" t="s">
        <v>49</v>
      </c>
      <c r="C306" s="11">
        <v>22260</v>
      </c>
      <c r="D306" s="11">
        <v>65426</v>
      </c>
      <c r="E306" s="11">
        <v>20895</v>
      </c>
      <c r="F306" s="11">
        <v>63937</v>
      </c>
      <c r="G306" s="11">
        <v>43155</v>
      </c>
      <c r="H306" s="11">
        <v>129363</v>
      </c>
    </row>
    <row r="307" spans="2:8" ht="15" customHeight="1">
      <c r="B307" s="16" t="s">
        <v>75</v>
      </c>
      <c r="C307" s="17">
        <v>21771</v>
      </c>
      <c r="D307" s="17">
        <v>64164</v>
      </c>
      <c r="E307" s="17">
        <v>20787</v>
      </c>
      <c r="F307" s="17">
        <v>63402</v>
      </c>
      <c r="G307" s="17">
        <v>42558</v>
      </c>
      <c r="H307" s="17">
        <v>127566</v>
      </c>
    </row>
    <row r="308" spans="2:8" ht="15" customHeight="1">
      <c r="B308" s="7" t="s">
        <v>85</v>
      </c>
      <c r="C308" s="12">
        <v>21771</v>
      </c>
      <c r="D308" s="12">
        <v>64164</v>
      </c>
      <c r="E308" s="12">
        <v>20787</v>
      </c>
      <c r="F308" s="12">
        <v>63402</v>
      </c>
      <c r="G308" s="12">
        <v>42558</v>
      </c>
      <c r="H308" s="12">
        <v>127566</v>
      </c>
    </row>
    <row r="309" spans="2:8" ht="15" customHeight="1">
      <c r="B309" s="9" t="s">
        <v>77</v>
      </c>
      <c r="C309" s="13">
        <v>21771</v>
      </c>
      <c r="D309" s="13">
        <v>64164</v>
      </c>
      <c r="E309" s="13">
        <v>20787</v>
      </c>
      <c r="F309" s="13">
        <v>63402</v>
      </c>
      <c r="G309" s="13">
        <v>42558</v>
      </c>
      <c r="H309" s="13">
        <v>127566</v>
      </c>
    </row>
    <row r="310" spans="2:8" ht="15" customHeight="1">
      <c r="B310" s="9" t="s">
        <v>78</v>
      </c>
      <c r="C310" s="13">
        <v>0</v>
      </c>
      <c r="D310" s="13">
        <v>0</v>
      </c>
      <c r="E310" s="13">
        <v>0</v>
      </c>
      <c r="F310" s="13">
        <v>0</v>
      </c>
      <c r="G310" s="13">
        <v>0</v>
      </c>
      <c r="H310" s="13">
        <v>0</v>
      </c>
    </row>
    <row r="311" spans="2:8" ht="15" customHeight="1">
      <c r="B311" s="7" t="s">
        <v>86</v>
      </c>
      <c r="C311" s="12">
        <v>0</v>
      </c>
      <c r="D311" s="12">
        <v>0</v>
      </c>
      <c r="E311" s="12">
        <v>0</v>
      </c>
      <c r="F311" s="12">
        <v>0</v>
      </c>
      <c r="G311" s="12">
        <v>0</v>
      </c>
      <c r="H311" s="12">
        <v>0</v>
      </c>
    </row>
    <row r="312" spans="2:8" ht="15" customHeight="1">
      <c r="B312" s="7" t="s">
        <v>87</v>
      </c>
      <c r="C312" s="12">
        <v>0</v>
      </c>
      <c r="D312" s="12">
        <v>0</v>
      </c>
      <c r="E312" s="12">
        <v>0</v>
      </c>
      <c r="F312" s="12">
        <v>0</v>
      </c>
      <c r="G312" s="12">
        <v>0</v>
      </c>
      <c r="H312" s="12">
        <v>0</v>
      </c>
    </row>
    <row r="313" spans="2:8" ht="15" customHeight="1">
      <c r="B313" s="16" t="s">
        <v>80</v>
      </c>
      <c r="C313" s="17">
        <v>489</v>
      </c>
      <c r="D313" s="17">
        <v>1262</v>
      </c>
      <c r="E313" s="17">
        <v>108</v>
      </c>
      <c r="F313" s="17">
        <v>535</v>
      </c>
      <c r="G313" s="17">
        <v>597</v>
      </c>
      <c r="H313" s="17">
        <v>1797</v>
      </c>
    </row>
    <row r="314" spans="2:8" ht="15" customHeight="1">
      <c r="B314" s="14" t="s">
        <v>85</v>
      </c>
      <c r="C314" s="15">
        <v>489</v>
      </c>
      <c r="D314" s="15">
        <v>1262</v>
      </c>
      <c r="E314" s="15">
        <v>108</v>
      </c>
      <c r="F314" s="15">
        <v>535</v>
      </c>
      <c r="G314" s="15">
        <v>597</v>
      </c>
      <c r="H314" s="15">
        <v>1797</v>
      </c>
    </row>
    <row r="315" spans="2:8" ht="15" customHeight="1">
      <c r="B315" s="14" t="s">
        <v>86</v>
      </c>
      <c r="C315" s="15">
        <v>0</v>
      </c>
      <c r="D315" s="15">
        <v>0</v>
      </c>
      <c r="E315" s="15">
        <v>0</v>
      </c>
      <c r="F315" s="15">
        <v>0</v>
      </c>
      <c r="G315" s="15">
        <v>0</v>
      </c>
      <c r="H315" s="15">
        <v>0</v>
      </c>
    </row>
    <row r="316" spans="2:8" ht="15" customHeight="1">
      <c r="B316" s="5" t="s">
        <v>50</v>
      </c>
      <c r="C316" s="11">
        <v>5664</v>
      </c>
      <c r="D316" s="11">
        <v>15126</v>
      </c>
      <c r="E316" s="11">
        <v>5639</v>
      </c>
      <c r="F316" s="11">
        <v>15197</v>
      </c>
      <c r="G316" s="11">
        <v>11303</v>
      </c>
      <c r="H316" s="11">
        <v>30323</v>
      </c>
    </row>
    <row r="317" spans="2:8" ht="15" customHeight="1">
      <c r="B317" s="16" t="s">
        <v>75</v>
      </c>
      <c r="C317" s="17">
        <v>0</v>
      </c>
      <c r="D317" s="17">
        <v>31</v>
      </c>
      <c r="E317" s="17">
        <v>0</v>
      </c>
      <c r="F317" s="17">
        <v>2</v>
      </c>
      <c r="G317" s="17">
        <v>0</v>
      </c>
      <c r="H317" s="17">
        <v>33</v>
      </c>
    </row>
    <row r="318" spans="2:8" ht="15" customHeight="1">
      <c r="B318" s="7" t="s">
        <v>85</v>
      </c>
      <c r="C318" s="12">
        <v>0</v>
      </c>
      <c r="D318" s="12">
        <v>31</v>
      </c>
      <c r="E318" s="12">
        <v>0</v>
      </c>
      <c r="F318" s="12">
        <v>2</v>
      </c>
      <c r="G318" s="12">
        <v>0</v>
      </c>
      <c r="H318" s="12">
        <v>33</v>
      </c>
    </row>
    <row r="319" spans="2:8" ht="15" customHeight="1">
      <c r="B319" s="9" t="s">
        <v>77</v>
      </c>
      <c r="C319" s="13">
        <v>0</v>
      </c>
      <c r="D319" s="13">
        <v>31</v>
      </c>
      <c r="E319" s="13">
        <v>0</v>
      </c>
      <c r="F319" s="13">
        <v>2</v>
      </c>
      <c r="G319" s="13">
        <v>0</v>
      </c>
      <c r="H319" s="13">
        <v>33</v>
      </c>
    </row>
    <row r="320" spans="2:8" ht="15" customHeight="1">
      <c r="B320" s="9" t="s">
        <v>78</v>
      </c>
      <c r="C320" s="13">
        <v>0</v>
      </c>
      <c r="D320" s="13">
        <v>0</v>
      </c>
      <c r="E320" s="13">
        <v>0</v>
      </c>
      <c r="F320" s="13">
        <v>0</v>
      </c>
      <c r="G320" s="13">
        <v>0</v>
      </c>
      <c r="H320" s="13">
        <v>0</v>
      </c>
    </row>
    <row r="321" spans="2:8" ht="15" customHeight="1">
      <c r="B321" s="7" t="s">
        <v>86</v>
      </c>
      <c r="C321" s="12">
        <v>0</v>
      </c>
      <c r="D321" s="12">
        <v>0</v>
      </c>
      <c r="E321" s="12">
        <v>0</v>
      </c>
      <c r="F321" s="12">
        <v>0</v>
      </c>
      <c r="G321" s="12">
        <v>0</v>
      </c>
      <c r="H321" s="12">
        <v>0</v>
      </c>
    </row>
    <row r="322" spans="2:8" ht="15" customHeight="1">
      <c r="B322" s="7" t="s">
        <v>87</v>
      </c>
      <c r="C322" s="12">
        <v>0</v>
      </c>
      <c r="D322" s="12">
        <v>0</v>
      </c>
      <c r="E322" s="12">
        <v>0</v>
      </c>
      <c r="F322" s="12">
        <v>0</v>
      </c>
      <c r="G322" s="12">
        <v>0</v>
      </c>
      <c r="H322" s="12">
        <v>0</v>
      </c>
    </row>
    <row r="323" spans="2:8" ht="15" customHeight="1">
      <c r="B323" s="16" t="s">
        <v>80</v>
      </c>
      <c r="C323" s="17">
        <v>5664</v>
      </c>
      <c r="D323" s="17">
        <v>15095</v>
      </c>
      <c r="E323" s="17">
        <v>5639</v>
      </c>
      <c r="F323" s="17">
        <v>15195</v>
      </c>
      <c r="G323" s="17">
        <v>11303</v>
      </c>
      <c r="H323" s="17">
        <v>30290</v>
      </c>
    </row>
    <row r="324" spans="2:8" ht="15" customHeight="1">
      <c r="B324" s="14" t="s">
        <v>85</v>
      </c>
      <c r="C324" s="15">
        <v>5664</v>
      </c>
      <c r="D324" s="15">
        <v>15095</v>
      </c>
      <c r="E324" s="15">
        <v>5639</v>
      </c>
      <c r="F324" s="15">
        <v>15195</v>
      </c>
      <c r="G324" s="15">
        <v>11303</v>
      </c>
      <c r="H324" s="15">
        <v>30290</v>
      </c>
    </row>
    <row r="325" spans="2:8" ht="15" customHeight="1">
      <c r="B325" s="14" t="s">
        <v>86</v>
      </c>
      <c r="C325" s="15">
        <v>0</v>
      </c>
      <c r="D325" s="15">
        <v>0</v>
      </c>
      <c r="E325" s="15">
        <v>0</v>
      </c>
      <c r="F325" s="15">
        <v>0</v>
      </c>
      <c r="G325" s="15">
        <v>0</v>
      </c>
      <c r="H325" s="15">
        <v>0</v>
      </c>
    </row>
    <row r="326" spans="2:8" ht="15" customHeight="1">
      <c r="B326" s="5" t="s">
        <v>51</v>
      </c>
      <c r="C326" s="11">
        <v>77687</v>
      </c>
      <c r="D326" s="11">
        <v>249223</v>
      </c>
      <c r="E326" s="11">
        <v>79760</v>
      </c>
      <c r="F326" s="11">
        <v>241773</v>
      </c>
      <c r="G326" s="11">
        <v>157447</v>
      </c>
      <c r="H326" s="11">
        <v>490996</v>
      </c>
    </row>
    <row r="327" spans="2:8" ht="15" customHeight="1">
      <c r="B327" s="16" t="s">
        <v>75</v>
      </c>
      <c r="C327" s="17">
        <v>76630</v>
      </c>
      <c r="D327" s="17">
        <v>240082</v>
      </c>
      <c r="E327" s="17">
        <v>78881</v>
      </c>
      <c r="F327" s="17">
        <v>234025</v>
      </c>
      <c r="G327" s="17">
        <v>155511</v>
      </c>
      <c r="H327" s="17">
        <v>474107</v>
      </c>
    </row>
    <row r="328" spans="2:8" ht="15" customHeight="1">
      <c r="B328" s="7" t="s">
        <v>85</v>
      </c>
      <c r="C328" s="12">
        <v>74502</v>
      </c>
      <c r="D328" s="12">
        <v>231911</v>
      </c>
      <c r="E328" s="12">
        <v>76971</v>
      </c>
      <c r="F328" s="12">
        <v>226195</v>
      </c>
      <c r="G328" s="12">
        <v>151473</v>
      </c>
      <c r="H328" s="12">
        <v>458106</v>
      </c>
    </row>
    <row r="329" spans="2:8" ht="15" customHeight="1">
      <c r="B329" s="9" t="s">
        <v>77</v>
      </c>
      <c r="C329" s="13">
        <v>74502</v>
      </c>
      <c r="D329" s="13">
        <v>231911</v>
      </c>
      <c r="E329" s="13">
        <v>76971</v>
      </c>
      <c r="F329" s="13">
        <v>226195</v>
      </c>
      <c r="G329" s="13">
        <v>151473</v>
      </c>
      <c r="H329" s="13">
        <v>458106</v>
      </c>
    </row>
    <row r="330" spans="2:8" ht="15" customHeight="1">
      <c r="B330" s="9" t="s">
        <v>78</v>
      </c>
      <c r="C330" s="13">
        <v>0</v>
      </c>
      <c r="D330" s="13">
        <v>0</v>
      </c>
      <c r="E330" s="13">
        <v>0</v>
      </c>
      <c r="F330" s="13">
        <v>0</v>
      </c>
      <c r="G330" s="13">
        <v>0</v>
      </c>
      <c r="H330" s="13">
        <v>0</v>
      </c>
    </row>
    <row r="331" spans="2:8" ht="15" customHeight="1">
      <c r="B331" s="7" t="s">
        <v>86</v>
      </c>
      <c r="C331" s="12">
        <v>2128</v>
      </c>
      <c r="D331" s="12">
        <v>7989</v>
      </c>
      <c r="E331" s="12">
        <v>1910</v>
      </c>
      <c r="F331" s="12">
        <v>7830</v>
      </c>
      <c r="G331" s="12">
        <v>4038</v>
      </c>
      <c r="H331" s="12">
        <v>15819</v>
      </c>
    </row>
    <row r="332" spans="2:8" ht="15" customHeight="1">
      <c r="B332" s="7" t="s">
        <v>87</v>
      </c>
      <c r="C332" s="12">
        <v>0</v>
      </c>
      <c r="D332" s="12">
        <v>182</v>
      </c>
      <c r="E332" s="12">
        <v>0</v>
      </c>
      <c r="F332" s="12">
        <v>0</v>
      </c>
      <c r="G332" s="12">
        <v>0</v>
      </c>
      <c r="H332" s="12">
        <v>182</v>
      </c>
    </row>
    <row r="333" spans="2:8" ht="15" customHeight="1">
      <c r="B333" s="16" t="s">
        <v>80</v>
      </c>
      <c r="C333" s="17">
        <v>1057</v>
      </c>
      <c r="D333" s="17">
        <v>9141</v>
      </c>
      <c r="E333" s="17">
        <v>879</v>
      </c>
      <c r="F333" s="17">
        <v>7748</v>
      </c>
      <c r="G333" s="17">
        <v>1936</v>
      </c>
      <c r="H333" s="17">
        <v>16889</v>
      </c>
    </row>
    <row r="334" spans="2:8" ht="15" customHeight="1">
      <c r="B334" s="14" t="s">
        <v>85</v>
      </c>
      <c r="C334" s="15">
        <v>986</v>
      </c>
      <c r="D334" s="15">
        <v>8288</v>
      </c>
      <c r="E334" s="15">
        <v>680</v>
      </c>
      <c r="F334" s="15">
        <v>6465</v>
      </c>
      <c r="G334" s="15">
        <v>1666</v>
      </c>
      <c r="H334" s="15">
        <v>14753</v>
      </c>
    </row>
    <row r="335" spans="2:8" ht="15" customHeight="1">
      <c r="B335" s="14" t="s">
        <v>86</v>
      </c>
      <c r="C335" s="15">
        <v>71</v>
      </c>
      <c r="D335" s="15">
        <v>853</v>
      </c>
      <c r="E335" s="15">
        <v>199</v>
      </c>
      <c r="F335" s="15">
        <v>1283</v>
      </c>
      <c r="G335" s="15">
        <v>270</v>
      </c>
      <c r="H335" s="15">
        <v>2136</v>
      </c>
    </row>
    <row r="336" spans="2:8" ht="15" customHeight="1">
      <c r="B336" s="5" t="s">
        <v>52</v>
      </c>
      <c r="C336" s="11">
        <v>329</v>
      </c>
      <c r="D336" s="11">
        <v>1303</v>
      </c>
      <c r="E336" s="11">
        <v>506</v>
      </c>
      <c r="F336" s="11">
        <v>1552</v>
      </c>
      <c r="G336" s="11">
        <v>835</v>
      </c>
      <c r="H336" s="11">
        <v>2855</v>
      </c>
    </row>
    <row r="337" spans="2:8" ht="15" customHeight="1">
      <c r="B337" s="16" t="s">
        <v>75</v>
      </c>
      <c r="C337" s="17">
        <v>209</v>
      </c>
      <c r="D337" s="17">
        <v>786</v>
      </c>
      <c r="E337" s="17">
        <v>388</v>
      </c>
      <c r="F337" s="17">
        <v>1071</v>
      </c>
      <c r="G337" s="17">
        <v>597</v>
      </c>
      <c r="H337" s="17">
        <v>1857</v>
      </c>
    </row>
    <row r="338" spans="2:8" ht="15" customHeight="1">
      <c r="B338" s="7" t="s">
        <v>85</v>
      </c>
      <c r="C338" s="12">
        <v>209</v>
      </c>
      <c r="D338" s="12">
        <v>786</v>
      </c>
      <c r="E338" s="12">
        <v>388</v>
      </c>
      <c r="F338" s="12">
        <v>1071</v>
      </c>
      <c r="G338" s="12">
        <v>597</v>
      </c>
      <c r="H338" s="12">
        <v>1857</v>
      </c>
    </row>
    <row r="339" spans="2:8" ht="15" customHeight="1">
      <c r="B339" s="9" t="s">
        <v>77</v>
      </c>
      <c r="C339" s="13">
        <v>209</v>
      </c>
      <c r="D339" s="13">
        <v>786</v>
      </c>
      <c r="E339" s="13">
        <v>388</v>
      </c>
      <c r="F339" s="13">
        <v>1071</v>
      </c>
      <c r="G339" s="13">
        <v>597</v>
      </c>
      <c r="H339" s="13">
        <v>1857</v>
      </c>
    </row>
    <row r="340" spans="2:8" ht="15" customHeight="1">
      <c r="B340" s="9" t="s">
        <v>78</v>
      </c>
      <c r="C340" s="13">
        <v>0</v>
      </c>
      <c r="D340" s="13">
        <v>0</v>
      </c>
      <c r="E340" s="13">
        <v>0</v>
      </c>
      <c r="F340" s="13">
        <v>0</v>
      </c>
      <c r="G340" s="13">
        <v>0</v>
      </c>
      <c r="H340" s="13">
        <v>0</v>
      </c>
    </row>
    <row r="341" spans="2:8" ht="15" customHeight="1">
      <c r="B341" s="7" t="s">
        <v>86</v>
      </c>
      <c r="C341" s="12">
        <v>0</v>
      </c>
      <c r="D341" s="12">
        <v>0</v>
      </c>
      <c r="E341" s="12">
        <v>0</v>
      </c>
      <c r="F341" s="12">
        <v>0</v>
      </c>
      <c r="G341" s="12">
        <v>0</v>
      </c>
      <c r="H341" s="12">
        <v>0</v>
      </c>
    </row>
    <row r="342" spans="2:8" ht="15" customHeight="1">
      <c r="B342" s="7" t="s">
        <v>87</v>
      </c>
      <c r="C342" s="12">
        <v>0</v>
      </c>
      <c r="D342" s="12">
        <v>0</v>
      </c>
      <c r="E342" s="12">
        <v>0</v>
      </c>
      <c r="F342" s="12">
        <v>0</v>
      </c>
      <c r="G342" s="12">
        <v>0</v>
      </c>
      <c r="H342" s="12">
        <v>0</v>
      </c>
    </row>
    <row r="343" spans="2:8" ht="15" customHeight="1">
      <c r="B343" s="16" t="s">
        <v>80</v>
      </c>
      <c r="C343" s="17">
        <v>120</v>
      </c>
      <c r="D343" s="17">
        <v>517</v>
      </c>
      <c r="E343" s="17">
        <v>118</v>
      </c>
      <c r="F343" s="17">
        <v>481</v>
      </c>
      <c r="G343" s="17">
        <v>238</v>
      </c>
      <c r="H343" s="17">
        <v>998</v>
      </c>
    </row>
    <row r="344" spans="2:8" ht="15" customHeight="1">
      <c r="B344" s="14" t="s">
        <v>85</v>
      </c>
      <c r="C344" s="15">
        <v>120</v>
      </c>
      <c r="D344" s="15">
        <v>517</v>
      </c>
      <c r="E344" s="15">
        <v>118</v>
      </c>
      <c r="F344" s="15">
        <v>481</v>
      </c>
      <c r="G344" s="15">
        <v>238</v>
      </c>
      <c r="H344" s="15">
        <v>998</v>
      </c>
    </row>
    <row r="345" spans="2:8" ht="15" customHeight="1">
      <c r="B345" s="14" t="s">
        <v>86</v>
      </c>
      <c r="C345" s="15">
        <v>0</v>
      </c>
      <c r="D345" s="15">
        <v>0</v>
      </c>
      <c r="E345" s="15">
        <v>0</v>
      </c>
      <c r="F345" s="15">
        <v>0</v>
      </c>
      <c r="G345" s="15">
        <v>0</v>
      </c>
      <c r="H345" s="15">
        <v>0</v>
      </c>
    </row>
    <row r="346" spans="2:8" ht="15" customHeight="1">
      <c r="B346" s="5" t="s">
        <v>53</v>
      </c>
      <c r="C346" s="11">
        <v>28453</v>
      </c>
      <c r="D346" s="11">
        <v>79864</v>
      </c>
      <c r="E346" s="11">
        <v>27029</v>
      </c>
      <c r="F346" s="11">
        <v>79063</v>
      </c>
      <c r="G346" s="11">
        <v>55482</v>
      </c>
      <c r="H346" s="11">
        <v>158927</v>
      </c>
    </row>
    <row r="347" spans="2:8" ht="15" customHeight="1">
      <c r="B347" s="16" t="s">
        <v>75</v>
      </c>
      <c r="C347" s="17">
        <v>28102</v>
      </c>
      <c r="D347" s="17">
        <v>78808</v>
      </c>
      <c r="E347" s="17">
        <v>26848</v>
      </c>
      <c r="F347" s="17">
        <v>78390</v>
      </c>
      <c r="G347" s="17">
        <v>54950</v>
      </c>
      <c r="H347" s="17">
        <v>157198</v>
      </c>
    </row>
    <row r="348" spans="2:8" ht="15" customHeight="1">
      <c r="B348" s="7" t="s">
        <v>85</v>
      </c>
      <c r="C348" s="12">
        <v>28102</v>
      </c>
      <c r="D348" s="12">
        <v>78808</v>
      </c>
      <c r="E348" s="12">
        <v>26848</v>
      </c>
      <c r="F348" s="12">
        <v>78390</v>
      </c>
      <c r="G348" s="12">
        <v>54950</v>
      </c>
      <c r="H348" s="12">
        <v>157198</v>
      </c>
    </row>
    <row r="349" spans="2:8" ht="15" customHeight="1">
      <c r="B349" s="9" t="s">
        <v>77</v>
      </c>
      <c r="C349" s="13">
        <v>27227</v>
      </c>
      <c r="D349" s="13">
        <v>75964</v>
      </c>
      <c r="E349" s="13">
        <v>25776</v>
      </c>
      <c r="F349" s="13">
        <v>75142</v>
      </c>
      <c r="G349" s="13">
        <v>53003</v>
      </c>
      <c r="H349" s="13">
        <v>151106</v>
      </c>
    </row>
    <row r="350" spans="2:8" ht="15" customHeight="1">
      <c r="B350" s="9" t="s">
        <v>78</v>
      </c>
      <c r="C350" s="13">
        <v>875</v>
      </c>
      <c r="D350" s="13">
        <v>2844</v>
      </c>
      <c r="E350" s="13">
        <v>1072</v>
      </c>
      <c r="F350" s="13">
        <v>3248</v>
      </c>
      <c r="G350" s="13">
        <v>1947</v>
      </c>
      <c r="H350" s="13">
        <v>6092</v>
      </c>
    </row>
    <row r="351" spans="2:8" ht="15" customHeight="1">
      <c r="B351" s="7" t="s">
        <v>86</v>
      </c>
      <c r="C351" s="12">
        <v>0</v>
      </c>
      <c r="D351" s="12">
        <v>0</v>
      </c>
      <c r="E351" s="12">
        <v>0</v>
      </c>
      <c r="F351" s="12">
        <v>0</v>
      </c>
      <c r="G351" s="12">
        <v>0</v>
      </c>
      <c r="H351" s="12">
        <v>0</v>
      </c>
    </row>
    <row r="352" spans="2:8" ht="15" customHeight="1">
      <c r="B352" s="7" t="s">
        <v>87</v>
      </c>
      <c r="C352" s="12">
        <v>0</v>
      </c>
      <c r="D352" s="12">
        <v>0</v>
      </c>
      <c r="E352" s="12">
        <v>0</v>
      </c>
      <c r="F352" s="12">
        <v>0</v>
      </c>
      <c r="G352" s="12">
        <v>0</v>
      </c>
      <c r="H352" s="12">
        <v>0</v>
      </c>
    </row>
    <row r="353" spans="2:8" ht="15" customHeight="1">
      <c r="B353" s="16" t="s">
        <v>80</v>
      </c>
      <c r="C353" s="17">
        <v>351</v>
      </c>
      <c r="D353" s="17">
        <v>1056</v>
      </c>
      <c r="E353" s="17">
        <v>181</v>
      </c>
      <c r="F353" s="17">
        <v>673</v>
      </c>
      <c r="G353" s="17">
        <v>532</v>
      </c>
      <c r="H353" s="17">
        <v>1729</v>
      </c>
    </row>
    <row r="354" spans="2:8" ht="15" customHeight="1">
      <c r="B354" s="14" t="s">
        <v>85</v>
      </c>
      <c r="C354" s="15">
        <v>351</v>
      </c>
      <c r="D354" s="15">
        <v>1056</v>
      </c>
      <c r="E354" s="15">
        <v>181</v>
      </c>
      <c r="F354" s="15">
        <v>673</v>
      </c>
      <c r="G354" s="15">
        <v>532</v>
      </c>
      <c r="H354" s="15">
        <v>1729</v>
      </c>
    </row>
    <row r="355" spans="2:8" ht="15" customHeight="1">
      <c r="B355" s="14" t="s">
        <v>86</v>
      </c>
      <c r="C355" s="15">
        <v>0</v>
      </c>
      <c r="D355" s="15">
        <v>0</v>
      </c>
      <c r="E355" s="15">
        <v>0</v>
      </c>
      <c r="F355" s="15">
        <v>0</v>
      </c>
      <c r="G355" s="15">
        <v>0</v>
      </c>
      <c r="H355" s="15">
        <v>0</v>
      </c>
    </row>
    <row r="356" spans="2:8" ht="15" customHeight="1">
      <c r="B356" s="5" t="s">
        <v>54</v>
      </c>
      <c r="C356" s="11">
        <v>1227</v>
      </c>
      <c r="D356" s="11">
        <v>3580</v>
      </c>
      <c r="E356" s="11">
        <v>1402</v>
      </c>
      <c r="F356" s="11">
        <v>3899</v>
      </c>
      <c r="G356" s="11">
        <v>2629</v>
      </c>
      <c r="H356" s="11">
        <v>7479</v>
      </c>
    </row>
    <row r="357" spans="2:8" ht="15" customHeight="1">
      <c r="B357" s="16" t="s">
        <v>75</v>
      </c>
      <c r="C357" s="17">
        <v>1130</v>
      </c>
      <c r="D357" s="17">
        <v>3377</v>
      </c>
      <c r="E357" s="17">
        <v>1295</v>
      </c>
      <c r="F357" s="17">
        <v>3685</v>
      </c>
      <c r="G357" s="17">
        <v>2425</v>
      </c>
      <c r="H357" s="17">
        <v>7062</v>
      </c>
    </row>
    <row r="358" spans="2:8" ht="15" customHeight="1">
      <c r="B358" s="7" t="s">
        <v>85</v>
      </c>
      <c r="C358" s="12">
        <v>1130</v>
      </c>
      <c r="D358" s="12">
        <v>3377</v>
      </c>
      <c r="E358" s="12">
        <v>1295</v>
      </c>
      <c r="F358" s="12">
        <v>3685</v>
      </c>
      <c r="G358" s="12">
        <v>2425</v>
      </c>
      <c r="H358" s="12">
        <v>7062</v>
      </c>
    </row>
    <row r="359" spans="2:8" ht="15" customHeight="1">
      <c r="B359" s="9" t="s">
        <v>77</v>
      </c>
      <c r="C359" s="13">
        <v>1130</v>
      </c>
      <c r="D359" s="13">
        <v>3377</v>
      </c>
      <c r="E359" s="13">
        <v>1295</v>
      </c>
      <c r="F359" s="13">
        <v>3685</v>
      </c>
      <c r="G359" s="13">
        <v>2425</v>
      </c>
      <c r="H359" s="13">
        <v>7062</v>
      </c>
    </row>
    <row r="360" spans="2:8" ht="15" customHeight="1">
      <c r="B360" s="9" t="s">
        <v>78</v>
      </c>
      <c r="C360" s="13">
        <v>0</v>
      </c>
      <c r="D360" s="13">
        <v>0</v>
      </c>
      <c r="E360" s="13">
        <v>0</v>
      </c>
      <c r="F360" s="13">
        <v>0</v>
      </c>
      <c r="G360" s="13">
        <v>0</v>
      </c>
      <c r="H360" s="13">
        <v>0</v>
      </c>
    </row>
    <row r="361" spans="2:8" ht="15" customHeight="1">
      <c r="B361" s="7" t="s">
        <v>86</v>
      </c>
      <c r="C361" s="12">
        <v>0</v>
      </c>
      <c r="D361" s="12">
        <v>0</v>
      </c>
      <c r="E361" s="12">
        <v>0</v>
      </c>
      <c r="F361" s="12">
        <v>0</v>
      </c>
      <c r="G361" s="12">
        <v>0</v>
      </c>
      <c r="H361" s="12">
        <v>0</v>
      </c>
    </row>
    <row r="362" spans="2:8" ht="15" customHeight="1">
      <c r="B362" s="7" t="s">
        <v>87</v>
      </c>
      <c r="C362" s="12">
        <v>0</v>
      </c>
      <c r="D362" s="12">
        <v>0</v>
      </c>
      <c r="E362" s="12">
        <v>0</v>
      </c>
      <c r="F362" s="12">
        <v>0</v>
      </c>
      <c r="G362" s="12">
        <v>0</v>
      </c>
      <c r="H362" s="12">
        <v>0</v>
      </c>
    </row>
    <row r="363" spans="2:8" ht="15" customHeight="1">
      <c r="B363" s="16" t="s">
        <v>80</v>
      </c>
      <c r="C363" s="17">
        <v>97</v>
      </c>
      <c r="D363" s="17">
        <v>203</v>
      </c>
      <c r="E363" s="17">
        <v>107</v>
      </c>
      <c r="F363" s="17">
        <v>214</v>
      </c>
      <c r="G363" s="17">
        <v>204</v>
      </c>
      <c r="H363" s="17">
        <v>417</v>
      </c>
    </row>
    <row r="364" spans="2:8" ht="15" customHeight="1">
      <c r="B364" s="14" t="s">
        <v>85</v>
      </c>
      <c r="C364" s="15">
        <v>97</v>
      </c>
      <c r="D364" s="15">
        <v>194</v>
      </c>
      <c r="E364" s="15">
        <v>100</v>
      </c>
      <c r="F364" s="15">
        <v>197</v>
      </c>
      <c r="G364" s="15">
        <v>197</v>
      </c>
      <c r="H364" s="15">
        <v>391</v>
      </c>
    </row>
    <row r="365" spans="2:8" ht="15" customHeight="1">
      <c r="B365" s="14" t="s">
        <v>86</v>
      </c>
      <c r="C365" s="15">
        <v>0</v>
      </c>
      <c r="D365" s="15">
        <v>9</v>
      </c>
      <c r="E365" s="15">
        <v>7</v>
      </c>
      <c r="F365" s="15">
        <v>17</v>
      </c>
      <c r="G365" s="15">
        <v>7</v>
      </c>
      <c r="H365" s="15">
        <v>26</v>
      </c>
    </row>
    <row r="366" spans="2:8" ht="15" customHeight="1">
      <c r="B366" s="5" t="s">
        <v>55</v>
      </c>
      <c r="C366" s="11">
        <v>19595</v>
      </c>
      <c r="D366" s="11">
        <v>59991</v>
      </c>
      <c r="E366" s="11">
        <v>19221</v>
      </c>
      <c r="F366" s="11">
        <v>58938</v>
      </c>
      <c r="G366" s="11">
        <v>38816</v>
      </c>
      <c r="H366" s="11">
        <v>118929</v>
      </c>
    </row>
    <row r="367" spans="2:8" ht="15" customHeight="1">
      <c r="B367" s="16" t="s">
        <v>75</v>
      </c>
      <c r="C367" s="17">
        <v>17859</v>
      </c>
      <c r="D367" s="17">
        <v>57793</v>
      </c>
      <c r="E367" s="17">
        <v>18045</v>
      </c>
      <c r="F367" s="17">
        <v>56929</v>
      </c>
      <c r="G367" s="17">
        <v>35904</v>
      </c>
      <c r="H367" s="17">
        <v>114722</v>
      </c>
    </row>
    <row r="368" spans="2:8" ht="15" customHeight="1">
      <c r="B368" s="7" t="s">
        <v>85</v>
      </c>
      <c r="C368" s="12">
        <v>17859</v>
      </c>
      <c r="D368" s="12">
        <v>57793</v>
      </c>
      <c r="E368" s="12">
        <v>18045</v>
      </c>
      <c r="F368" s="12">
        <v>56929</v>
      </c>
      <c r="G368" s="12">
        <v>35904</v>
      </c>
      <c r="H368" s="12">
        <v>114722</v>
      </c>
    </row>
    <row r="369" spans="2:8" ht="15" customHeight="1">
      <c r="B369" s="9" t="s">
        <v>77</v>
      </c>
      <c r="C369" s="13">
        <v>17859</v>
      </c>
      <c r="D369" s="13">
        <v>57793</v>
      </c>
      <c r="E369" s="13">
        <v>18045</v>
      </c>
      <c r="F369" s="13">
        <v>56929</v>
      </c>
      <c r="G369" s="13">
        <v>35904</v>
      </c>
      <c r="H369" s="13">
        <v>114722</v>
      </c>
    </row>
    <row r="370" spans="2:8" ht="15" customHeight="1">
      <c r="B370" s="9" t="s">
        <v>78</v>
      </c>
      <c r="C370" s="13">
        <v>0</v>
      </c>
      <c r="D370" s="13">
        <v>0</v>
      </c>
      <c r="E370" s="13">
        <v>0</v>
      </c>
      <c r="F370" s="13">
        <v>0</v>
      </c>
      <c r="G370" s="13">
        <v>0</v>
      </c>
      <c r="H370" s="13">
        <v>0</v>
      </c>
    </row>
    <row r="371" spans="2:8" ht="15" customHeight="1">
      <c r="B371" s="7" t="s">
        <v>86</v>
      </c>
      <c r="C371" s="12">
        <v>0</v>
      </c>
      <c r="D371" s="12">
        <v>0</v>
      </c>
      <c r="E371" s="12">
        <v>0</v>
      </c>
      <c r="F371" s="12">
        <v>0</v>
      </c>
      <c r="G371" s="12">
        <v>0</v>
      </c>
      <c r="H371" s="12">
        <v>0</v>
      </c>
    </row>
    <row r="372" spans="2:8" ht="15" customHeight="1">
      <c r="B372" s="7" t="s">
        <v>87</v>
      </c>
      <c r="C372" s="12">
        <v>0</v>
      </c>
      <c r="D372" s="12">
        <v>0</v>
      </c>
      <c r="E372" s="12">
        <v>0</v>
      </c>
      <c r="F372" s="12">
        <v>0</v>
      </c>
      <c r="G372" s="12">
        <v>0</v>
      </c>
      <c r="H372" s="12">
        <v>0</v>
      </c>
    </row>
    <row r="373" spans="2:8" ht="15" customHeight="1">
      <c r="B373" s="16" t="s">
        <v>80</v>
      </c>
      <c r="C373" s="17">
        <v>1736</v>
      </c>
      <c r="D373" s="17">
        <v>2198</v>
      </c>
      <c r="E373" s="17">
        <v>1176</v>
      </c>
      <c r="F373" s="17">
        <v>2009</v>
      </c>
      <c r="G373" s="17">
        <v>2912</v>
      </c>
      <c r="H373" s="17">
        <v>4207</v>
      </c>
    </row>
    <row r="374" spans="2:8" ht="15" customHeight="1">
      <c r="B374" s="14" t="s">
        <v>85</v>
      </c>
      <c r="C374" s="15">
        <v>1736</v>
      </c>
      <c r="D374" s="15">
        <v>2198</v>
      </c>
      <c r="E374" s="15">
        <v>1176</v>
      </c>
      <c r="F374" s="15">
        <v>2009</v>
      </c>
      <c r="G374" s="15">
        <v>2912</v>
      </c>
      <c r="H374" s="15">
        <v>4207</v>
      </c>
    </row>
    <row r="375" spans="2:8" ht="15" customHeight="1">
      <c r="B375" s="14" t="s">
        <v>86</v>
      </c>
      <c r="C375" s="15">
        <v>0</v>
      </c>
      <c r="D375" s="15">
        <v>0</v>
      </c>
      <c r="E375" s="15">
        <v>0</v>
      </c>
      <c r="F375" s="15">
        <v>0</v>
      </c>
      <c r="G375" s="15">
        <v>0</v>
      </c>
      <c r="H375" s="15">
        <v>0</v>
      </c>
    </row>
    <row r="376" spans="2:8" ht="15" customHeight="1">
      <c r="B376" s="5" t="s">
        <v>56</v>
      </c>
      <c r="C376" s="11">
        <v>177</v>
      </c>
      <c r="D376" s="11">
        <v>439</v>
      </c>
      <c r="E376" s="11">
        <v>163</v>
      </c>
      <c r="F376" s="11">
        <v>446</v>
      </c>
      <c r="G376" s="11">
        <v>340</v>
      </c>
      <c r="H376" s="11">
        <v>885</v>
      </c>
    </row>
    <row r="377" spans="2:8" ht="15" customHeight="1">
      <c r="B377" s="16" t="s">
        <v>75</v>
      </c>
      <c r="C377" s="17">
        <v>0</v>
      </c>
      <c r="D377" s="17">
        <v>0</v>
      </c>
      <c r="E377" s="17">
        <v>0</v>
      </c>
      <c r="F377" s="17">
        <v>0</v>
      </c>
      <c r="G377" s="17">
        <v>0</v>
      </c>
      <c r="H377" s="17">
        <v>0</v>
      </c>
    </row>
    <row r="378" spans="2:8" ht="15" customHeight="1">
      <c r="B378" s="7" t="s">
        <v>85</v>
      </c>
      <c r="C378" s="12">
        <v>0</v>
      </c>
      <c r="D378" s="12">
        <v>0</v>
      </c>
      <c r="E378" s="12">
        <v>0</v>
      </c>
      <c r="F378" s="12">
        <v>0</v>
      </c>
      <c r="G378" s="12">
        <v>0</v>
      </c>
      <c r="H378" s="12">
        <v>0</v>
      </c>
    </row>
    <row r="379" spans="2:8" ht="15" customHeight="1">
      <c r="B379" s="9" t="s">
        <v>77</v>
      </c>
      <c r="C379" s="13">
        <v>0</v>
      </c>
      <c r="D379" s="13">
        <v>0</v>
      </c>
      <c r="E379" s="13">
        <v>0</v>
      </c>
      <c r="F379" s="13">
        <v>0</v>
      </c>
      <c r="G379" s="13">
        <v>0</v>
      </c>
      <c r="H379" s="13">
        <v>0</v>
      </c>
    </row>
    <row r="380" spans="2:8" ht="15" customHeight="1">
      <c r="B380" s="9" t="s">
        <v>78</v>
      </c>
      <c r="C380" s="13">
        <v>0</v>
      </c>
      <c r="D380" s="13">
        <v>0</v>
      </c>
      <c r="E380" s="13">
        <v>0</v>
      </c>
      <c r="F380" s="13">
        <v>0</v>
      </c>
      <c r="G380" s="13">
        <v>0</v>
      </c>
      <c r="H380" s="13">
        <v>0</v>
      </c>
    </row>
    <row r="381" spans="2:8" ht="15" customHeight="1">
      <c r="B381" s="7" t="s">
        <v>86</v>
      </c>
      <c r="C381" s="12">
        <v>0</v>
      </c>
      <c r="D381" s="12">
        <v>0</v>
      </c>
      <c r="E381" s="12">
        <v>0</v>
      </c>
      <c r="F381" s="12">
        <v>0</v>
      </c>
      <c r="G381" s="12">
        <v>0</v>
      </c>
      <c r="H381" s="12">
        <v>0</v>
      </c>
    </row>
    <row r="382" spans="2:8" ht="15" customHeight="1">
      <c r="B382" s="7" t="s">
        <v>87</v>
      </c>
      <c r="C382" s="12">
        <v>0</v>
      </c>
      <c r="D382" s="12">
        <v>0</v>
      </c>
      <c r="E382" s="12">
        <v>0</v>
      </c>
      <c r="F382" s="12">
        <v>0</v>
      </c>
      <c r="G382" s="12">
        <v>0</v>
      </c>
      <c r="H382" s="12">
        <v>0</v>
      </c>
    </row>
    <row r="383" spans="2:8" ht="15" customHeight="1">
      <c r="B383" s="16" t="s">
        <v>80</v>
      </c>
      <c r="C383" s="17">
        <v>177</v>
      </c>
      <c r="D383" s="17">
        <v>439</v>
      </c>
      <c r="E383" s="17">
        <v>163</v>
      </c>
      <c r="F383" s="17">
        <v>446</v>
      </c>
      <c r="G383" s="17">
        <v>340</v>
      </c>
      <c r="H383" s="17">
        <v>885</v>
      </c>
    </row>
    <row r="384" spans="2:8" ht="15" customHeight="1">
      <c r="B384" s="14" t="s">
        <v>85</v>
      </c>
      <c r="C384" s="15">
        <v>173</v>
      </c>
      <c r="D384" s="15">
        <v>426</v>
      </c>
      <c r="E384" s="15">
        <v>155</v>
      </c>
      <c r="F384" s="15">
        <v>430</v>
      </c>
      <c r="G384" s="15">
        <v>328</v>
      </c>
      <c r="H384" s="15">
        <v>856</v>
      </c>
    </row>
    <row r="385" spans="2:8" ht="15" customHeight="1">
      <c r="B385" s="14" t="s">
        <v>86</v>
      </c>
      <c r="C385" s="15">
        <v>4</v>
      </c>
      <c r="D385" s="15">
        <v>13</v>
      </c>
      <c r="E385" s="15">
        <v>8</v>
      </c>
      <c r="F385" s="15">
        <v>16</v>
      </c>
      <c r="G385" s="15">
        <v>12</v>
      </c>
      <c r="H385" s="15">
        <v>29</v>
      </c>
    </row>
    <row r="386" spans="2:8" ht="15" customHeight="1">
      <c r="B386" s="5" t="s">
        <v>57</v>
      </c>
      <c r="C386" s="11">
        <v>889</v>
      </c>
      <c r="D386" s="11">
        <v>2435</v>
      </c>
      <c r="E386" s="11">
        <v>795</v>
      </c>
      <c r="F386" s="11">
        <v>2324</v>
      </c>
      <c r="G386" s="11">
        <v>1684</v>
      </c>
      <c r="H386" s="11">
        <v>4759</v>
      </c>
    </row>
    <row r="387" spans="2:8" ht="15" customHeight="1">
      <c r="B387" s="16" t="s">
        <v>75</v>
      </c>
      <c r="C387" s="17">
        <v>0</v>
      </c>
      <c r="D387" s="17">
        <v>0</v>
      </c>
      <c r="E387" s="17">
        <v>0</v>
      </c>
      <c r="F387" s="17">
        <v>0</v>
      </c>
      <c r="G387" s="17">
        <v>0</v>
      </c>
      <c r="H387" s="17">
        <v>0</v>
      </c>
    </row>
    <row r="388" spans="2:8" ht="15" customHeight="1">
      <c r="B388" s="7" t="s">
        <v>85</v>
      </c>
      <c r="C388" s="12">
        <v>0</v>
      </c>
      <c r="D388" s="12">
        <v>0</v>
      </c>
      <c r="E388" s="12">
        <v>0</v>
      </c>
      <c r="F388" s="12">
        <v>0</v>
      </c>
      <c r="G388" s="12">
        <v>0</v>
      </c>
      <c r="H388" s="12">
        <v>0</v>
      </c>
    </row>
    <row r="389" spans="2:8" ht="15" customHeight="1">
      <c r="B389" s="9" t="s">
        <v>77</v>
      </c>
      <c r="C389" s="13">
        <v>0</v>
      </c>
      <c r="D389" s="13">
        <v>0</v>
      </c>
      <c r="E389" s="13">
        <v>0</v>
      </c>
      <c r="F389" s="13">
        <v>0</v>
      </c>
      <c r="G389" s="13">
        <v>0</v>
      </c>
      <c r="H389" s="13">
        <v>0</v>
      </c>
    </row>
    <row r="390" spans="2:8" ht="15" customHeight="1">
      <c r="B390" s="9" t="s">
        <v>78</v>
      </c>
      <c r="C390" s="13">
        <v>0</v>
      </c>
      <c r="D390" s="13">
        <v>0</v>
      </c>
      <c r="E390" s="13">
        <v>0</v>
      </c>
      <c r="F390" s="13">
        <v>0</v>
      </c>
      <c r="G390" s="13">
        <v>0</v>
      </c>
      <c r="H390" s="13">
        <v>0</v>
      </c>
    </row>
    <row r="391" spans="2:8" ht="15" customHeight="1">
      <c r="B391" s="7" t="s">
        <v>86</v>
      </c>
      <c r="C391" s="12">
        <v>0</v>
      </c>
      <c r="D391" s="12">
        <v>0</v>
      </c>
      <c r="E391" s="12">
        <v>0</v>
      </c>
      <c r="F391" s="12">
        <v>0</v>
      </c>
      <c r="G391" s="12">
        <v>0</v>
      </c>
      <c r="H391" s="12">
        <v>0</v>
      </c>
    </row>
    <row r="392" spans="2:8" ht="15" customHeight="1">
      <c r="B392" s="7" t="s">
        <v>87</v>
      </c>
      <c r="C392" s="12">
        <v>0</v>
      </c>
      <c r="D392" s="12">
        <v>0</v>
      </c>
      <c r="E392" s="12">
        <v>0</v>
      </c>
      <c r="F392" s="12">
        <v>0</v>
      </c>
      <c r="G392" s="12">
        <v>0</v>
      </c>
      <c r="H392" s="12">
        <v>0</v>
      </c>
    </row>
    <row r="393" spans="2:8" ht="15" customHeight="1">
      <c r="B393" s="16" t="s">
        <v>80</v>
      </c>
      <c r="C393" s="17">
        <v>889</v>
      </c>
      <c r="D393" s="17">
        <v>2435</v>
      </c>
      <c r="E393" s="17">
        <v>795</v>
      </c>
      <c r="F393" s="17">
        <v>2324</v>
      </c>
      <c r="G393" s="17">
        <v>1684</v>
      </c>
      <c r="H393" s="17">
        <v>4759</v>
      </c>
    </row>
    <row r="394" spans="2:8" ht="15" customHeight="1">
      <c r="B394" s="14" t="s">
        <v>85</v>
      </c>
      <c r="C394" s="15">
        <v>889</v>
      </c>
      <c r="D394" s="15">
        <v>2435</v>
      </c>
      <c r="E394" s="15">
        <v>795</v>
      </c>
      <c r="F394" s="15">
        <v>2324</v>
      </c>
      <c r="G394" s="15">
        <v>1684</v>
      </c>
      <c r="H394" s="15">
        <v>4759</v>
      </c>
    </row>
    <row r="395" spans="2:8" ht="15" customHeight="1">
      <c r="B395" s="14" t="s">
        <v>86</v>
      </c>
      <c r="C395" s="15">
        <v>0</v>
      </c>
      <c r="D395" s="15">
        <v>0</v>
      </c>
      <c r="E395" s="15">
        <v>0</v>
      </c>
      <c r="F395" s="15">
        <v>0</v>
      </c>
      <c r="G395" s="15">
        <v>0</v>
      </c>
      <c r="H395" s="15">
        <v>0</v>
      </c>
    </row>
    <row r="396" spans="2:8" ht="15" customHeight="1">
      <c r="B396" s="5" t="s">
        <v>58</v>
      </c>
      <c r="C396" s="11">
        <v>31407</v>
      </c>
      <c r="D396" s="11">
        <v>98070</v>
      </c>
      <c r="E396" s="11">
        <v>31730</v>
      </c>
      <c r="F396" s="11">
        <v>101810</v>
      </c>
      <c r="G396" s="11">
        <v>63137</v>
      </c>
      <c r="H396" s="11">
        <v>199880</v>
      </c>
    </row>
    <row r="397" spans="2:8" ht="15" customHeight="1">
      <c r="B397" s="16" t="s">
        <v>75</v>
      </c>
      <c r="C397" s="17">
        <v>31119</v>
      </c>
      <c r="D397" s="17">
        <v>97517</v>
      </c>
      <c r="E397" s="17">
        <v>31730</v>
      </c>
      <c r="F397" s="17">
        <v>101795</v>
      </c>
      <c r="G397" s="17">
        <v>62849</v>
      </c>
      <c r="H397" s="17">
        <v>199312</v>
      </c>
    </row>
    <row r="398" spans="2:8" ht="15" customHeight="1">
      <c r="B398" s="7" t="s">
        <v>85</v>
      </c>
      <c r="C398" s="12">
        <v>31119</v>
      </c>
      <c r="D398" s="12">
        <v>97517</v>
      </c>
      <c r="E398" s="12">
        <v>31730</v>
      </c>
      <c r="F398" s="12">
        <v>101795</v>
      </c>
      <c r="G398" s="12">
        <v>62849</v>
      </c>
      <c r="H398" s="12">
        <v>199312</v>
      </c>
    </row>
    <row r="399" spans="2:8" ht="15" customHeight="1">
      <c r="B399" s="9" t="s">
        <v>77</v>
      </c>
      <c r="C399" s="13">
        <v>31119</v>
      </c>
      <c r="D399" s="13">
        <v>97517</v>
      </c>
      <c r="E399" s="13">
        <v>31730</v>
      </c>
      <c r="F399" s="13">
        <v>101795</v>
      </c>
      <c r="G399" s="13">
        <v>62849</v>
      </c>
      <c r="H399" s="13">
        <v>199312</v>
      </c>
    </row>
    <row r="400" spans="2:8" ht="15" customHeight="1">
      <c r="B400" s="9" t="s">
        <v>78</v>
      </c>
      <c r="C400" s="13">
        <v>0</v>
      </c>
      <c r="D400" s="13">
        <v>0</v>
      </c>
      <c r="E400" s="13">
        <v>0</v>
      </c>
      <c r="F400" s="13">
        <v>0</v>
      </c>
      <c r="G400" s="13">
        <v>0</v>
      </c>
      <c r="H400" s="13">
        <v>0</v>
      </c>
    </row>
    <row r="401" spans="2:8" ht="15" customHeight="1">
      <c r="B401" s="7" t="s">
        <v>86</v>
      </c>
      <c r="C401" s="12">
        <v>0</v>
      </c>
      <c r="D401" s="12">
        <v>0</v>
      </c>
      <c r="E401" s="12">
        <v>0</v>
      </c>
      <c r="F401" s="12">
        <v>0</v>
      </c>
      <c r="G401" s="12">
        <v>0</v>
      </c>
      <c r="H401" s="12">
        <v>0</v>
      </c>
    </row>
    <row r="402" spans="2:8" ht="15" customHeight="1">
      <c r="B402" s="7" t="s">
        <v>87</v>
      </c>
      <c r="C402" s="12">
        <v>0</v>
      </c>
      <c r="D402" s="12">
        <v>0</v>
      </c>
      <c r="E402" s="12">
        <v>0</v>
      </c>
      <c r="F402" s="12">
        <v>0</v>
      </c>
      <c r="G402" s="12">
        <v>0</v>
      </c>
      <c r="H402" s="12">
        <v>0</v>
      </c>
    </row>
    <row r="403" spans="2:8" ht="15" customHeight="1">
      <c r="B403" s="16" t="s">
        <v>80</v>
      </c>
      <c r="C403" s="17">
        <v>288</v>
      </c>
      <c r="D403" s="17">
        <v>553</v>
      </c>
      <c r="E403" s="17">
        <v>0</v>
      </c>
      <c r="F403" s="17">
        <v>15</v>
      </c>
      <c r="G403" s="17">
        <v>288</v>
      </c>
      <c r="H403" s="17">
        <v>568</v>
      </c>
    </row>
    <row r="404" spans="2:8" ht="15" customHeight="1">
      <c r="B404" s="14" t="s">
        <v>85</v>
      </c>
      <c r="C404" s="15">
        <v>288</v>
      </c>
      <c r="D404" s="15">
        <v>553</v>
      </c>
      <c r="E404" s="15">
        <v>0</v>
      </c>
      <c r="F404" s="15">
        <v>15</v>
      </c>
      <c r="G404" s="15">
        <v>288</v>
      </c>
      <c r="H404" s="15">
        <v>568</v>
      </c>
    </row>
    <row r="405" spans="2:8" ht="15" customHeight="1">
      <c r="B405" s="14" t="s">
        <v>86</v>
      </c>
      <c r="C405" s="15">
        <v>0</v>
      </c>
      <c r="D405" s="15">
        <v>0</v>
      </c>
      <c r="E405" s="15">
        <v>0</v>
      </c>
      <c r="F405" s="15">
        <v>0</v>
      </c>
      <c r="G405" s="15">
        <v>0</v>
      </c>
      <c r="H405" s="15">
        <v>0</v>
      </c>
    </row>
    <row r="406" spans="2:8" ht="15" customHeight="1">
      <c r="B406" s="5" t="s">
        <v>59</v>
      </c>
      <c r="C406" s="11">
        <v>7287</v>
      </c>
      <c r="D406" s="11">
        <v>21704</v>
      </c>
      <c r="E406" s="11">
        <v>6829</v>
      </c>
      <c r="F406" s="11">
        <v>20314</v>
      </c>
      <c r="G406" s="11">
        <v>14116</v>
      </c>
      <c r="H406" s="11">
        <v>42018</v>
      </c>
    </row>
    <row r="407" spans="2:8" ht="15" customHeight="1">
      <c r="B407" s="16" t="s">
        <v>75</v>
      </c>
      <c r="C407" s="17">
        <v>6920</v>
      </c>
      <c r="D407" s="17">
        <v>20722</v>
      </c>
      <c r="E407" s="17">
        <v>6606</v>
      </c>
      <c r="F407" s="17">
        <v>19758</v>
      </c>
      <c r="G407" s="17">
        <v>13526</v>
      </c>
      <c r="H407" s="17">
        <v>40480</v>
      </c>
    </row>
    <row r="408" spans="2:8" ht="15" customHeight="1">
      <c r="B408" s="7" t="s">
        <v>85</v>
      </c>
      <c r="C408" s="12">
        <v>6920</v>
      </c>
      <c r="D408" s="12">
        <v>20722</v>
      </c>
      <c r="E408" s="12">
        <v>6606</v>
      </c>
      <c r="F408" s="12">
        <v>19758</v>
      </c>
      <c r="G408" s="12">
        <v>13526</v>
      </c>
      <c r="H408" s="12">
        <v>40480</v>
      </c>
    </row>
    <row r="409" spans="2:8" ht="15" customHeight="1">
      <c r="B409" s="9" t="s">
        <v>77</v>
      </c>
      <c r="C409" s="13">
        <v>6920</v>
      </c>
      <c r="D409" s="13">
        <v>20722</v>
      </c>
      <c r="E409" s="13">
        <v>6606</v>
      </c>
      <c r="F409" s="13">
        <v>19758</v>
      </c>
      <c r="G409" s="13">
        <v>13526</v>
      </c>
      <c r="H409" s="13">
        <v>40480</v>
      </c>
    </row>
    <row r="410" spans="2:8" ht="15" customHeight="1">
      <c r="B410" s="9" t="s">
        <v>78</v>
      </c>
      <c r="C410" s="13">
        <v>0</v>
      </c>
      <c r="D410" s="13">
        <v>0</v>
      </c>
      <c r="E410" s="13">
        <v>0</v>
      </c>
      <c r="F410" s="13">
        <v>0</v>
      </c>
      <c r="G410" s="13">
        <v>0</v>
      </c>
      <c r="H410" s="13">
        <v>0</v>
      </c>
    </row>
    <row r="411" spans="2:8" ht="15" customHeight="1">
      <c r="B411" s="7" t="s">
        <v>86</v>
      </c>
      <c r="C411" s="12">
        <v>0</v>
      </c>
      <c r="D411" s="12">
        <v>0</v>
      </c>
      <c r="E411" s="12">
        <v>0</v>
      </c>
      <c r="F411" s="12">
        <v>0</v>
      </c>
      <c r="G411" s="12">
        <v>0</v>
      </c>
      <c r="H411" s="12">
        <v>0</v>
      </c>
    </row>
    <row r="412" spans="2:8" ht="15" customHeight="1">
      <c r="B412" s="7" t="s">
        <v>87</v>
      </c>
      <c r="C412" s="12">
        <v>0</v>
      </c>
      <c r="D412" s="12">
        <v>0</v>
      </c>
      <c r="E412" s="12">
        <v>0</v>
      </c>
      <c r="F412" s="12">
        <v>0</v>
      </c>
      <c r="G412" s="12">
        <v>0</v>
      </c>
      <c r="H412" s="12">
        <v>0</v>
      </c>
    </row>
    <row r="413" spans="2:8" ht="15" customHeight="1">
      <c r="B413" s="16" t="s">
        <v>80</v>
      </c>
      <c r="C413" s="17">
        <v>367</v>
      </c>
      <c r="D413" s="17">
        <v>982</v>
      </c>
      <c r="E413" s="17">
        <v>223</v>
      </c>
      <c r="F413" s="17">
        <v>556</v>
      </c>
      <c r="G413" s="17">
        <v>590</v>
      </c>
      <c r="H413" s="17">
        <v>1538</v>
      </c>
    </row>
    <row r="414" spans="2:8" ht="15" customHeight="1">
      <c r="B414" s="14" t="s">
        <v>85</v>
      </c>
      <c r="C414" s="15">
        <v>367</v>
      </c>
      <c r="D414" s="15">
        <v>982</v>
      </c>
      <c r="E414" s="15">
        <v>223</v>
      </c>
      <c r="F414" s="15">
        <v>556</v>
      </c>
      <c r="G414" s="15">
        <v>590</v>
      </c>
      <c r="H414" s="15">
        <v>1538</v>
      </c>
    </row>
    <row r="415" spans="2:8" ht="15" customHeight="1">
      <c r="B415" s="14" t="s">
        <v>86</v>
      </c>
      <c r="C415" s="15">
        <v>0</v>
      </c>
      <c r="D415" s="15">
        <v>0</v>
      </c>
      <c r="E415" s="15">
        <v>0</v>
      </c>
      <c r="F415" s="15">
        <v>0</v>
      </c>
      <c r="G415" s="15">
        <v>0</v>
      </c>
      <c r="H415" s="15">
        <v>0</v>
      </c>
    </row>
    <row r="416" spans="2:8" ht="15" customHeight="1">
      <c r="B416" s="5" t="s">
        <v>60</v>
      </c>
      <c r="C416" s="11">
        <v>357087</v>
      </c>
      <c r="D416" s="11">
        <v>1104883</v>
      </c>
      <c r="E416" s="11">
        <v>337451</v>
      </c>
      <c r="F416" s="11">
        <v>1044685</v>
      </c>
      <c r="G416" s="11">
        <v>694538</v>
      </c>
      <c r="H416" s="11">
        <v>2149568</v>
      </c>
    </row>
    <row r="417" spans="2:8" ht="15" customHeight="1">
      <c r="B417" s="16" t="s">
        <v>75</v>
      </c>
      <c r="C417" s="17">
        <v>348220</v>
      </c>
      <c r="D417" s="17">
        <v>1070954</v>
      </c>
      <c r="E417" s="17">
        <v>332996</v>
      </c>
      <c r="F417" s="17">
        <v>1017013</v>
      </c>
      <c r="G417" s="17">
        <v>681216</v>
      </c>
      <c r="H417" s="17">
        <v>2087967</v>
      </c>
    </row>
    <row r="418" spans="2:8" ht="15" customHeight="1">
      <c r="B418" s="7" t="s">
        <v>85</v>
      </c>
      <c r="C418" s="12">
        <v>325644</v>
      </c>
      <c r="D418" s="12">
        <v>1004978</v>
      </c>
      <c r="E418" s="12">
        <v>314031</v>
      </c>
      <c r="F418" s="12">
        <v>956570</v>
      </c>
      <c r="G418" s="12">
        <v>639675</v>
      </c>
      <c r="H418" s="12">
        <v>1961548</v>
      </c>
    </row>
    <row r="419" spans="2:8" ht="15" customHeight="1">
      <c r="B419" s="9" t="s">
        <v>77</v>
      </c>
      <c r="C419" s="13">
        <v>225478</v>
      </c>
      <c r="D419" s="13">
        <v>700255</v>
      </c>
      <c r="E419" s="13">
        <v>213538</v>
      </c>
      <c r="F419" s="13">
        <v>660484</v>
      </c>
      <c r="G419" s="13">
        <v>439016</v>
      </c>
      <c r="H419" s="13">
        <v>1360739</v>
      </c>
    </row>
    <row r="420" spans="2:8" ht="15" customHeight="1">
      <c r="B420" s="9" t="s">
        <v>78</v>
      </c>
      <c r="C420" s="13">
        <v>100166</v>
      </c>
      <c r="D420" s="13">
        <v>304723</v>
      </c>
      <c r="E420" s="13">
        <v>100493</v>
      </c>
      <c r="F420" s="13">
        <v>296086</v>
      </c>
      <c r="G420" s="13">
        <v>200659</v>
      </c>
      <c r="H420" s="13">
        <v>600809</v>
      </c>
    </row>
    <row r="421" spans="2:8" ht="15" customHeight="1">
      <c r="B421" s="7" t="s">
        <v>86</v>
      </c>
      <c r="C421" s="12">
        <v>22251</v>
      </c>
      <c r="D421" s="12">
        <v>64231</v>
      </c>
      <c r="E421" s="12">
        <v>18962</v>
      </c>
      <c r="F421" s="12">
        <v>58656</v>
      </c>
      <c r="G421" s="12">
        <v>41213</v>
      </c>
      <c r="H421" s="12">
        <v>122887</v>
      </c>
    </row>
    <row r="422" spans="2:8" ht="15" customHeight="1">
      <c r="B422" s="7" t="s">
        <v>87</v>
      </c>
      <c r="C422" s="12">
        <v>325</v>
      </c>
      <c r="D422" s="12">
        <v>1745</v>
      </c>
      <c r="E422" s="12">
        <v>3</v>
      </c>
      <c r="F422" s="12">
        <v>1787</v>
      </c>
      <c r="G422" s="12">
        <v>328</v>
      </c>
      <c r="H422" s="12">
        <v>3532</v>
      </c>
    </row>
    <row r="423" spans="2:8" ht="15" customHeight="1">
      <c r="B423" s="16" t="s">
        <v>80</v>
      </c>
      <c r="C423" s="17">
        <v>8867</v>
      </c>
      <c r="D423" s="17">
        <v>33929</v>
      </c>
      <c r="E423" s="17">
        <v>4455</v>
      </c>
      <c r="F423" s="17">
        <v>27672</v>
      </c>
      <c r="G423" s="17">
        <v>13322</v>
      </c>
      <c r="H423" s="17">
        <v>61601</v>
      </c>
    </row>
    <row r="424" spans="2:8" ht="15" customHeight="1">
      <c r="B424" s="14" t="s">
        <v>85</v>
      </c>
      <c r="C424" s="15">
        <v>8681</v>
      </c>
      <c r="D424" s="15">
        <v>32600</v>
      </c>
      <c r="E424" s="15">
        <v>4263</v>
      </c>
      <c r="F424" s="15">
        <v>26232</v>
      </c>
      <c r="G424" s="15">
        <v>12944</v>
      </c>
      <c r="H424" s="15">
        <v>58832</v>
      </c>
    </row>
    <row r="425" spans="2:8" ht="15" customHeight="1">
      <c r="B425" s="14" t="s">
        <v>86</v>
      </c>
      <c r="C425" s="15">
        <v>186</v>
      </c>
      <c r="D425" s="15">
        <v>1329</v>
      </c>
      <c r="E425" s="15">
        <v>192</v>
      </c>
      <c r="F425" s="15">
        <v>1440</v>
      </c>
      <c r="G425" s="15">
        <v>378</v>
      </c>
      <c r="H425" s="15">
        <v>2769</v>
      </c>
    </row>
    <row r="426" spans="2:8" ht="15" customHeight="1">
      <c r="B426" s="5" t="s">
        <v>61</v>
      </c>
      <c r="C426" s="11">
        <v>379724</v>
      </c>
      <c r="D426" s="11">
        <v>1169896</v>
      </c>
      <c r="E426" s="11">
        <v>386193</v>
      </c>
      <c r="F426" s="11">
        <v>1139997</v>
      </c>
      <c r="G426" s="11">
        <v>765917</v>
      </c>
      <c r="H426" s="11">
        <v>2309893</v>
      </c>
    </row>
    <row r="427" spans="2:8" ht="15" customHeight="1">
      <c r="B427" s="16" t="s">
        <v>75</v>
      </c>
      <c r="C427" s="17">
        <v>375696</v>
      </c>
      <c r="D427" s="17">
        <v>1143337</v>
      </c>
      <c r="E427" s="17">
        <v>382408</v>
      </c>
      <c r="F427" s="17">
        <v>1113443</v>
      </c>
      <c r="G427" s="17">
        <v>758104</v>
      </c>
      <c r="H427" s="17">
        <v>2256780</v>
      </c>
    </row>
    <row r="428" spans="2:8" ht="15" customHeight="1">
      <c r="B428" s="7" t="s">
        <v>85</v>
      </c>
      <c r="C428" s="12">
        <v>375696</v>
      </c>
      <c r="D428" s="12">
        <v>1143337</v>
      </c>
      <c r="E428" s="12">
        <v>382408</v>
      </c>
      <c r="F428" s="12">
        <v>1113443</v>
      </c>
      <c r="G428" s="12">
        <v>758104</v>
      </c>
      <c r="H428" s="12">
        <v>2256780</v>
      </c>
    </row>
    <row r="429" spans="2:8" ht="15" customHeight="1">
      <c r="B429" s="9" t="s">
        <v>77</v>
      </c>
      <c r="C429" s="13">
        <v>375696</v>
      </c>
      <c r="D429" s="13">
        <v>1143337</v>
      </c>
      <c r="E429" s="13">
        <v>382408</v>
      </c>
      <c r="F429" s="13">
        <v>1113443</v>
      </c>
      <c r="G429" s="13">
        <v>758104</v>
      </c>
      <c r="H429" s="13">
        <v>2256780</v>
      </c>
    </row>
    <row r="430" spans="2:8" ht="15" customHeight="1">
      <c r="B430" s="9" t="s">
        <v>78</v>
      </c>
      <c r="C430" s="13">
        <v>0</v>
      </c>
      <c r="D430" s="13">
        <v>0</v>
      </c>
      <c r="E430" s="13">
        <v>0</v>
      </c>
      <c r="F430" s="13">
        <v>0</v>
      </c>
      <c r="G430" s="13">
        <v>0</v>
      </c>
      <c r="H430" s="13">
        <v>0</v>
      </c>
    </row>
    <row r="431" spans="2:8" ht="15" customHeight="1">
      <c r="B431" s="7" t="s">
        <v>86</v>
      </c>
      <c r="C431" s="12">
        <v>0</v>
      </c>
      <c r="D431" s="12">
        <v>0</v>
      </c>
      <c r="E431" s="12">
        <v>0</v>
      </c>
      <c r="F431" s="12">
        <v>0</v>
      </c>
      <c r="G431" s="12">
        <v>0</v>
      </c>
      <c r="H431" s="12">
        <v>0</v>
      </c>
    </row>
    <row r="432" spans="2:8" ht="15" customHeight="1">
      <c r="B432" s="7" t="s">
        <v>87</v>
      </c>
      <c r="C432" s="12">
        <v>0</v>
      </c>
      <c r="D432" s="12">
        <v>0</v>
      </c>
      <c r="E432" s="12">
        <v>0</v>
      </c>
      <c r="F432" s="12">
        <v>0</v>
      </c>
      <c r="G432" s="12">
        <v>0</v>
      </c>
      <c r="H432" s="12">
        <v>0</v>
      </c>
    </row>
    <row r="433" spans="2:8" ht="15" customHeight="1">
      <c r="B433" s="16" t="s">
        <v>80</v>
      </c>
      <c r="C433" s="17">
        <v>4028</v>
      </c>
      <c r="D433" s="17">
        <v>26559</v>
      </c>
      <c r="E433" s="17">
        <v>3785</v>
      </c>
      <c r="F433" s="17">
        <v>26554</v>
      </c>
      <c r="G433" s="17">
        <v>7813</v>
      </c>
      <c r="H433" s="17">
        <v>53113</v>
      </c>
    </row>
    <row r="434" spans="2:8" ht="15" customHeight="1">
      <c r="B434" s="14" t="s">
        <v>85</v>
      </c>
      <c r="C434" s="15">
        <v>4026</v>
      </c>
      <c r="D434" s="15">
        <v>26554</v>
      </c>
      <c r="E434" s="15">
        <v>3785</v>
      </c>
      <c r="F434" s="15">
        <v>26554</v>
      </c>
      <c r="G434" s="15">
        <v>7811</v>
      </c>
      <c r="H434" s="15">
        <v>53108</v>
      </c>
    </row>
    <row r="435" spans="2:8" ht="15" customHeight="1">
      <c r="B435" s="14" t="s">
        <v>86</v>
      </c>
      <c r="C435" s="15">
        <v>2</v>
      </c>
      <c r="D435" s="15">
        <v>5</v>
      </c>
      <c r="E435" s="15">
        <v>0</v>
      </c>
      <c r="F435" s="15">
        <v>0</v>
      </c>
      <c r="G435" s="15">
        <v>2</v>
      </c>
      <c r="H435" s="15">
        <v>5</v>
      </c>
    </row>
    <row r="436" spans="2:8" ht="15" customHeight="1">
      <c r="B436" s="5" t="s">
        <v>62</v>
      </c>
      <c r="C436" s="11">
        <v>1170</v>
      </c>
      <c r="D436" s="11">
        <v>2900</v>
      </c>
      <c r="E436" s="11">
        <v>1125</v>
      </c>
      <c r="F436" s="11">
        <v>2786</v>
      </c>
      <c r="G436" s="11">
        <v>2295</v>
      </c>
      <c r="H436" s="11">
        <v>5686</v>
      </c>
    </row>
    <row r="437" spans="2:8" ht="15" customHeight="1">
      <c r="B437" s="16" t="s">
        <v>75</v>
      </c>
      <c r="C437" s="17">
        <v>0</v>
      </c>
      <c r="D437" s="17">
        <v>0</v>
      </c>
      <c r="E437" s="17">
        <v>0</v>
      </c>
      <c r="F437" s="17">
        <v>0</v>
      </c>
      <c r="G437" s="17">
        <v>0</v>
      </c>
      <c r="H437" s="17">
        <v>0</v>
      </c>
    </row>
    <row r="438" spans="2:8" ht="15" customHeight="1">
      <c r="B438" s="7" t="s">
        <v>85</v>
      </c>
      <c r="C438" s="12">
        <v>0</v>
      </c>
      <c r="D438" s="12">
        <v>0</v>
      </c>
      <c r="E438" s="12">
        <v>0</v>
      </c>
      <c r="F438" s="12">
        <v>0</v>
      </c>
      <c r="G438" s="12">
        <v>0</v>
      </c>
      <c r="H438" s="12">
        <v>0</v>
      </c>
    </row>
    <row r="439" spans="2:8" ht="15" customHeight="1">
      <c r="B439" s="9" t="s">
        <v>77</v>
      </c>
      <c r="C439" s="13">
        <v>0</v>
      </c>
      <c r="D439" s="13">
        <v>0</v>
      </c>
      <c r="E439" s="13">
        <v>0</v>
      </c>
      <c r="F439" s="13">
        <v>0</v>
      </c>
      <c r="G439" s="13">
        <v>0</v>
      </c>
      <c r="H439" s="13">
        <v>0</v>
      </c>
    </row>
    <row r="440" spans="2:8" ht="15" customHeight="1">
      <c r="B440" s="9" t="s">
        <v>78</v>
      </c>
      <c r="C440" s="13">
        <v>0</v>
      </c>
      <c r="D440" s="13">
        <v>0</v>
      </c>
      <c r="E440" s="13">
        <v>0</v>
      </c>
      <c r="F440" s="13">
        <v>0</v>
      </c>
      <c r="G440" s="13">
        <v>0</v>
      </c>
      <c r="H440" s="13">
        <v>0</v>
      </c>
    </row>
    <row r="441" spans="2:8" ht="15" customHeight="1">
      <c r="B441" s="7" t="s">
        <v>86</v>
      </c>
      <c r="C441" s="12">
        <v>0</v>
      </c>
      <c r="D441" s="12">
        <v>0</v>
      </c>
      <c r="E441" s="12">
        <v>0</v>
      </c>
      <c r="F441" s="12">
        <v>0</v>
      </c>
      <c r="G441" s="12">
        <v>0</v>
      </c>
      <c r="H441" s="12">
        <v>0</v>
      </c>
    </row>
    <row r="442" spans="2:8" ht="15" customHeight="1">
      <c r="B442" s="7" t="s">
        <v>87</v>
      </c>
      <c r="C442" s="12">
        <v>0</v>
      </c>
      <c r="D442" s="12">
        <v>0</v>
      </c>
      <c r="E442" s="12">
        <v>0</v>
      </c>
      <c r="F442" s="12">
        <v>0</v>
      </c>
      <c r="G442" s="12">
        <v>0</v>
      </c>
      <c r="H442" s="12">
        <v>0</v>
      </c>
    </row>
    <row r="443" spans="2:8" ht="15" customHeight="1">
      <c r="B443" s="16" t="s">
        <v>80</v>
      </c>
      <c r="C443" s="17">
        <v>1170</v>
      </c>
      <c r="D443" s="17">
        <v>2900</v>
      </c>
      <c r="E443" s="17">
        <v>1125</v>
      </c>
      <c r="F443" s="17">
        <v>2786</v>
      </c>
      <c r="G443" s="17">
        <v>2295</v>
      </c>
      <c r="H443" s="17">
        <v>5686</v>
      </c>
    </row>
    <row r="444" spans="2:8" ht="15" customHeight="1">
      <c r="B444" s="14" t="s">
        <v>85</v>
      </c>
      <c r="C444" s="15">
        <v>1123</v>
      </c>
      <c r="D444" s="15">
        <v>2827</v>
      </c>
      <c r="E444" s="15">
        <v>1117</v>
      </c>
      <c r="F444" s="15">
        <v>2774</v>
      </c>
      <c r="G444" s="15">
        <v>2240</v>
      </c>
      <c r="H444" s="15">
        <v>5601</v>
      </c>
    </row>
    <row r="445" spans="2:8" ht="15" customHeight="1">
      <c r="B445" s="14" t="s">
        <v>86</v>
      </c>
      <c r="C445" s="15">
        <v>47</v>
      </c>
      <c r="D445" s="15">
        <v>73</v>
      </c>
      <c r="E445" s="15">
        <v>8</v>
      </c>
      <c r="F445" s="15">
        <v>12</v>
      </c>
      <c r="G445" s="15">
        <v>55</v>
      </c>
      <c r="H445" s="15">
        <v>85</v>
      </c>
    </row>
    <row r="446" spans="2:8" ht="15" customHeight="1">
      <c r="B446" s="5" t="s">
        <v>88</v>
      </c>
      <c r="C446" s="11">
        <v>59999</v>
      </c>
      <c r="D446" s="11">
        <v>203686</v>
      </c>
      <c r="E446" s="11">
        <v>57480</v>
      </c>
      <c r="F446" s="11">
        <v>189432</v>
      </c>
      <c r="G446" s="11">
        <v>117479</v>
      </c>
      <c r="H446" s="11">
        <v>393118</v>
      </c>
    </row>
    <row r="447" spans="2:8" ht="15" customHeight="1">
      <c r="B447" s="16" t="s">
        <v>75</v>
      </c>
      <c r="C447" s="17">
        <v>58944</v>
      </c>
      <c r="D447" s="17">
        <v>197973</v>
      </c>
      <c r="E447" s="17">
        <v>56735</v>
      </c>
      <c r="F447" s="17">
        <v>185090</v>
      </c>
      <c r="G447" s="17">
        <v>115679</v>
      </c>
      <c r="H447" s="17">
        <v>383063</v>
      </c>
    </row>
    <row r="448" spans="2:8" ht="15" customHeight="1">
      <c r="B448" s="7" t="s">
        <v>85</v>
      </c>
      <c r="C448" s="12">
        <v>58944</v>
      </c>
      <c r="D448" s="12">
        <v>197973</v>
      </c>
      <c r="E448" s="12">
        <v>56735</v>
      </c>
      <c r="F448" s="12">
        <v>185090</v>
      </c>
      <c r="G448" s="12">
        <v>115679</v>
      </c>
      <c r="H448" s="12">
        <v>383063</v>
      </c>
    </row>
    <row r="449" spans="2:8" ht="15" customHeight="1">
      <c r="B449" s="9" t="s">
        <v>77</v>
      </c>
      <c r="C449" s="13">
        <v>38966</v>
      </c>
      <c r="D449" s="13">
        <v>123173</v>
      </c>
      <c r="E449" s="13">
        <v>36610</v>
      </c>
      <c r="F449" s="13">
        <v>112705</v>
      </c>
      <c r="G449" s="13">
        <v>75576</v>
      </c>
      <c r="H449" s="13">
        <v>235878</v>
      </c>
    </row>
    <row r="450" spans="2:8" ht="15" customHeight="1">
      <c r="B450" s="9" t="s">
        <v>78</v>
      </c>
      <c r="C450" s="13">
        <v>19978</v>
      </c>
      <c r="D450" s="13">
        <v>74800</v>
      </c>
      <c r="E450" s="13">
        <v>20125</v>
      </c>
      <c r="F450" s="13">
        <v>72385</v>
      </c>
      <c r="G450" s="13">
        <v>40103</v>
      </c>
      <c r="H450" s="13">
        <v>147185</v>
      </c>
    </row>
    <row r="451" spans="2:8" ht="15" customHeight="1">
      <c r="B451" s="7" t="s">
        <v>86</v>
      </c>
      <c r="C451" s="12">
        <v>0</v>
      </c>
      <c r="D451" s="12">
        <v>0</v>
      </c>
      <c r="E451" s="12">
        <v>0</v>
      </c>
      <c r="F451" s="12">
        <v>0</v>
      </c>
      <c r="G451" s="12">
        <v>0</v>
      </c>
      <c r="H451" s="12">
        <v>0</v>
      </c>
    </row>
    <row r="452" spans="2:8" ht="15" customHeight="1">
      <c r="B452" s="7" t="s">
        <v>87</v>
      </c>
      <c r="C452" s="12">
        <v>0</v>
      </c>
      <c r="D452" s="12">
        <v>0</v>
      </c>
      <c r="E452" s="12">
        <v>0</v>
      </c>
      <c r="F452" s="12">
        <v>0</v>
      </c>
      <c r="G452" s="12">
        <v>0</v>
      </c>
      <c r="H452" s="12">
        <v>0</v>
      </c>
    </row>
    <row r="453" spans="2:8" ht="15" customHeight="1">
      <c r="B453" s="16" t="s">
        <v>80</v>
      </c>
      <c r="C453" s="17">
        <v>1055</v>
      </c>
      <c r="D453" s="17">
        <v>5713</v>
      </c>
      <c r="E453" s="17">
        <v>745</v>
      </c>
      <c r="F453" s="17">
        <v>4342</v>
      </c>
      <c r="G453" s="17">
        <v>1800</v>
      </c>
      <c r="H453" s="17">
        <v>10055</v>
      </c>
    </row>
    <row r="454" spans="2:8" ht="15" customHeight="1">
      <c r="B454" s="14" t="s">
        <v>85</v>
      </c>
      <c r="C454" s="15">
        <v>1055</v>
      </c>
      <c r="D454" s="15">
        <v>5713</v>
      </c>
      <c r="E454" s="15">
        <v>740</v>
      </c>
      <c r="F454" s="15">
        <v>4337</v>
      </c>
      <c r="G454" s="15">
        <v>1795</v>
      </c>
      <c r="H454" s="15">
        <v>10050</v>
      </c>
    </row>
    <row r="455" spans="2:8" ht="15" customHeight="1">
      <c r="B455" s="14" t="s">
        <v>86</v>
      </c>
      <c r="C455" s="15">
        <v>0</v>
      </c>
      <c r="D455" s="15">
        <v>0</v>
      </c>
      <c r="E455" s="15">
        <v>5</v>
      </c>
      <c r="F455" s="15">
        <v>5</v>
      </c>
      <c r="G455" s="15">
        <v>5</v>
      </c>
      <c r="H455" s="15">
        <v>5</v>
      </c>
    </row>
    <row r="456" spans="2:8" ht="15" customHeight="1">
      <c r="B456" s="5" t="s">
        <v>63</v>
      </c>
      <c r="C456" s="11">
        <v>17926</v>
      </c>
      <c r="D456" s="11">
        <v>56328</v>
      </c>
      <c r="E456" s="11">
        <v>17016</v>
      </c>
      <c r="F456" s="11">
        <v>50472</v>
      </c>
      <c r="G456" s="11">
        <v>34942</v>
      </c>
      <c r="H456" s="11">
        <v>106800</v>
      </c>
    </row>
    <row r="457" spans="2:8" ht="15" customHeight="1">
      <c r="B457" s="16" t="s">
        <v>75</v>
      </c>
      <c r="C457" s="17">
        <v>16522</v>
      </c>
      <c r="D457" s="17">
        <v>53670</v>
      </c>
      <c r="E457" s="17">
        <v>15553</v>
      </c>
      <c r="F457" s="17">
        <v>47988</v>
      </c>
      <c r="G457" s="17">
        <v>32075</v>
      </c>
      <c r="H457" s="17">
        <v>101658</v>
      </c>
    </row>
    <row r="458" spans="2:8" ht="15" customHeight="1">
      <c r="B458" s="7" t="s">
        <v>85</v>
      </c>
      <c r="C458" s="12">
        <v>16522</v>
      </c>
      <c r="D458" s="12">
        <v>53670</v>
      </c>
      <c r="E458" s="12">
        <v>15553</v>
      </c>
      <c r="F458" s="12">
        <v>47988</v>
      </c>
      <c r="G458" s="12">
        <v>32075</v>
      </c>
      <c r="H458" s="12">
        <v>101658</v>
      </c>
    </row>
    <row r="459" spans="2:8" ht="15" customHeight="1">
      <c r="B459" s="9" t="s">
        <v>77</v>
      </c>
      <c r="C459" s="13">
        <v>16522</v>
      </c>
      <c r="D459" s="13">
        <v>53670</v>
      </c>
      <c r="E459" s="13">
        <v>15553</v>
      </c>
      <c r="F459" s="13">
        <v>47988</v>
      </c>
      <c r="G459" s="13">
        <v>32075</v>
      </c>
      <c r="H459" s="13">
        <v>101658</v>
      </c>
    </row>
    <row r="460" spans="2:8" ht="15" customHeight="1">
      <c r="B460" s="9" t="s">
        <v>78</v>
      </c>
      <c r="C460" s="13">
        <v>0</v>
      </c>
      <c r="D460" s="13">
        <v>0</v>
      </c>
      <c r="E460" s="13">
        <v>0</v>
      </c>
      <c r="F460" s="13">
        <v>0</v>
      </c>
      <c r="G460" s="13">
        <v>0</v>
      </c>
      <c r="H460" s="13">
        <v>0</v>
      </c>
    </row>
    <row r="461" spans="2:8" ht="15" customHeight="1">
      <c r="B461" s="7" t="s">
        <v>86</v>
      </c>
      <c r="C461" s="12">
        <v>0</v>
      </c>
      <c r="D461" s="12">
        <v>0</v>
      </c>
      <c r="E461" s="12">
        <v>0</v>
      </c>
      <c r="F461" s="12">
        <v>0</v>
      </c>
      <c r="G461" s="12">
        <v>0</v>
      </c>
      <c r="H461" s="12">
        <v>0</v>
      </c>
    </row>
    <row r="462" spans="2:8" ht="15" customHeight="1">
      <c r="B462" s="7" t="s">
        <v>87</v>
      </c>
      <c r="C462" s="12">
        <v>0</v>
      </c>
      <c r="D462" s="12">
        <v>0</v>
      </c>
      <c r="E462" s="12">
        <v>0</v>
      </c>
      <c r="F462" s="12">
        <v>0</v>
      </c>
      <c r="G462" s="12">
        <v>0</v>
      </c>
      <c r="H462" s="12">
        <v>0</v>
      </c>
    </row>
    <row r="463" spans="2:8" ht="15" customHeight="1">
      <c r="B463" s="16" t="s">
        <v>80</v>
      </c>
      <c r="C463" s="17">
        <v>1404</v>
      </c>
      <c r="D463" s="17">
        <v>2658</v>
      </c>
      <c r="E463" s="17">
        <v>1463</v>
      </c>
      <c r="F463" s="17">
        <v>2484</v>
      </c>
      <c r="G463" s="17">
        <v>2867</v>
      </c>
      <c r="H463" s="17">
        <v>5142</v>
      </c>
    </row>
    <row r="464" spans="2:8" ht="15" customHeight="1">
      <c r="B464" s="14" t="s">
        <v>85</v>
      </c>
      <c r="C464" s="15">
        <v>1404</v>
      </c>
      <c r="D464" s="15">
        <v>2658</v>
      </c>
      <c r="E464" s="15">
        <v>1463</v>
      </c>
      <c r="F464" s="15">
        <v>2484</v>
      </c>
      <c r="G464" s="15">
        <v>2867</v>
      </c>
      <c r="H464" s="15">
        <v>5142</v>
      </c>
    </row>
    <row r="465" spans="2:8" ht="15" customHeight="1">
      <c r="B465" s="14" t="s">
        <v>86</v>
      </c>
      <c r="C465" s="15">
        <v>0</v>
      </c>
      <c r="D465" s="15">
        <v>0</v>
      </c>
      <c r="E465" s="15">
        <v>0</v>
      </c>
      <c r="F465" s="15">
        <v>0</v>
      </c>
      <c r="G465" s="15">
        <v>0</v>
      </c>
      <c r="H465" s="15">
        <v>0</v>
      </c>
    </row>
    <row r="466" spans="2:8" ht="15" customHeight="1">
      <c r="B466" s="5" t="s">
        <v>64</v>
      </c>
      <c r="C466" s="11">
        <v>909324</v>
      </c>
      <c r="D466" s="11">
        <v>2665158</v>
      </c>
      <c r="E466" s="11">
        <v>908583</v>
      </c>
      <c r="F466" s="11">
        <v>2736565</v>
      </c>
      <c r="G466" s="11">
        <v>1817907</v>
      </c>
      <c r="H466" s="11">
        <v>5401723</v>
      </c>
    </row>
    <row r="467" spans="2:8" ht="15" customHeight="1">
      <c r="B467" s="16" t="s">
        <v>75</v>
      </c>
      <c r="C467" s="17">
        <v>901854</v>
      </c>
      <c r="D467" s="17">
        <v>2618888</v>
      </c>
      <c r="E467" s="17">
        <v>902135</v>
      </c>
      <c r="F467" s="17">
        <v>2693245</v>
      </c>
      <c r="G467" s="17">
        <v>1803989</v>
      </c>
      <c r="H467" s="17">
        <v>5312133</v>
      </c>
    </row>
    <row r="468" spans="2:8" ht="15" customHeight="1">
      <c r="B468" s="7" t="s">
        <v>85</v>
      </c>
      <c r="C468" s="12">
        <v>901854</v>
      </c>
      <c r="D468" s="12">
        <v>2618888</v>
      </c>
      <c r="E468" s="12">
        <v>902135</v>
      </c>
      <c r="F468" s="12">
        <v>2693245</v>
      </c>
      <c r="G468" s="12">
        <v>1803989</v>
      </c>
      <c r="H468" s="12">
        <v>5312133</v>
      </c>
    </row>
    <row r="469" spans="2:8" ht="15" customHeight="1">
      <c r="B469" s="9" t="s">
        <v>77</v>
      </c>
      <c r="C469" s="13">
        <v>901854</v>
      </c>
      <c r="D469" s="13">
        <v>2618888</v>
      </c>
      <c r="E469" s="13">
        <v>902135</v>
      </c>
      <c r="F469" s="13">
        <v>2693245</v>
      </c>
      <c r="G469" s="13">
        <v>1803989</v>
      </c>
      <c r="H469" s="13">
        <v>5312133</v>
      </c>
    </row>
    <row r="470" spans="2:8" ht="15" customHeight="1">
      <c r="B470" s="9" t="s">
        <v>78</v>
      </c>
      <c r="C470" s="13">
        <v>0</v>
      </c>
      <c r="D470" s="13">
        <v>0</v>
      </c>
      <c r="E470" s="13">
        <v>0</v>
      </c>
      <c r="F470" s="13">
        <v>0</v>
      </c>
      <c r="G470" s="13">
        <v>0</v>
      </c>
      <c r="H470" s="13">
        <v>0</v>
      </c>
    </row>
    <row r="471" spans="2:8" ht="15" customHeight="1">
      <c r="B471" s="7" t="s">
        <v>86</v>
      </c>
      <c r="C471" s="12">
        <v>0</v>
      </c>
      <c r="D471" s="12">
        <v>0</v>
      </c>
      <c r="E471" s="12">
        <v>0</v>
      </c>
      <c r="F471" s="12">
        <v>0</v>
      </c>
      <c r="G471" s="12">
        <v>0</v>
      </c>
      <c r="H471" s="12">
        <v>0</v>
      </c>
    </row>
    <row r="472" spans="2:8" ht="15" customHeight="1">
      <c r="B472" s="7" t="s">
        <v>87</v>
      </c>
      <c r="C472" s="12">
        <v>0</v>
      </c>
      <c r="D472" s="12">
        <v>0</v>
      </c>
      <c r="E472" s="12">
        <v>0</v>
      </c>
      <c r="F472" s="12">
        <v>0</v>
      </c>
      <c r="G472" s="12">
        <v>0</v>
      </c>
      <c r="H472" s="12">
        <v>0</v>
      </c>
    </row>
    <row r="473" spans="2:8" ht="15" customHeight="1">
      <c r="B473" s="16" t="s">
        <v>80</v>
      </c>
      <c r="C473" s="17">
        <v>7470</v>
      </c>
      <c r="D473" s="17">
        <v>46270</v>
      </c>
      <c r="E473" s="17">
        <v>6448</v>
      </c>
      <c r="F473" s="17">
        <v>43320</v>
      </c>
      <c r="G473" s="17">
        <v>13918</v>
      </c>
      <c r="H473" s="17">
        <v>89590</v>
      </c>
    </row>
    <row r="474" spans="2:8" ht="15" customHeight="1">
      <c r="B474" s="14" t="s">
        <v>85</v>
      </c>
      <c r="C474" s="15">
        <v>7422</v>
      </c>
      <c r="D474" s="15">
        <v>46206</v>
      </c>
      <c r="E474" s="15">
        <v>6400</v>
      </c>
      <c r="F474" s="15">
        <v>43249</v>
      </c>
      <c r="G474" s="15">
        <v>13822</v>
      </c>
      <c r="H474" s="15">
        <v>89455</v>
      </c>
    </row>
    <row r="475" spans="2:8" ht="15" customHeight="1">
      <c r="B475" s="14" t="s">
        <v>86</v>
      </c>
      <c r="C475" s="15">
        <v>48</v>
      </c>
      <c r="D475" s="15">
        <v>64</v>
      </c>
      <c r="E475" s="15">
        <v>48</v>
      </c>
      <c r="F475" s="15">
        <v>71</v>
      </c>
      <c r="G475" s="15">
        <v>96</v>
      </c>
      <c r="H475" s="15">
        <v>135</v>
      </c>
    </row>
    <row r="476" spans="2:8" ht="15" customHeight="1">
      <c r="B476" s="5" t="s">
        <v>65</v>
      </c>
      <c r="C476" s="11">
        <v>37337</v>
      </c>
      <c r="D476" s="11">
        <v>128599</v>
      </c>
      <c r="E476" s="11">
        <v>38404</v>
      </c>
      <c r="F476" s="11">
        <v>120633</v>
      </c>
      <c r="G476" s="11">
        <v>75741</v>
      </c>
      <c r="H476" s="11">
        <v>249232</v>
      </c>
    </row>
    <row r="477" spans="2:8" ht="15" customHeight="1">
      <c r="B477" s="16" t="s">
        <v>75</v>
      </c>
      <c r="C477" s="17">
        <v>35566</v>
      </c>
      <c r="D477" s="17">
        <v>122181</v>
      </c>
      <c r="E477" s="17">
        <v>36117</v>
      </c>
      <c r="F477" s="17">
        <v>113378</v>
      </c>
      <c r="G477" s="17">
        <v>71683</v>
      </c>
      <c r="H477" s="17">
        <v>235559</v>
      </c>
    </row>
    <row r="478" spans="2:8" ht="15" customHeight="1">
      <c r="B478" s="7" t="s">
        <v>85</v>
      </c>
      <c r="C478" s="12">
        <v>35566</v>
      </c>
      <c r="D478" s="12">
        <v>122181</v>
      </c>
      <c r="E478" s="12">
        <v>36117</v>
      </c>
      <c r="F478" s="12">
        <v>113378</v>
      </c>
      <c r="G478" s="12">
        <v>71683</v>
      </c>
      <c r="H478" s="12">
        <v>235559</v>
      </c>
    </row>
    <row r="479" spans="2:8" ht="15" customHeight="1">
      <c r="B479" s="9" t="s">
        <v>77</v>
      </c>
      <c r="C479" s="13">
        <v>35566</v>
      </c>
      <c r="D479" s="13">
        <v>122181</v>
      </c>
      <c r="E479" s="13">
        <v>36117</v>
      </c>
      <c r="F479" s="13">
        <v>113378</v>
      </c>
      <c r="G479" s="13">
        <v>71683</v>
      </c>
      <c r="H479" s="13">
        <v>235559</v>
      </c>
    </row>
    <row r="480" spans="2:8" ht="15" customHeight="1">
      <c r="B480" s="9" t="s">
        <v>78</v>
      </c>
      <c r="C480" s="13">
        <v>0</v>
      </c>
      <c r="D480" s="13">
        <v>0</v>
      </c>
      <c r="E480" s="13">
        <v>0</v>
      </c>
      <c r="F480" s="13">
        <v>0</v>
      </c>
      <c r="G480" s="13">
        <v>0</v>
      </c>
      <c r="H480" s="13">
        <v>0</v>
      </c>
    </row>
    <row r="481" spans="2:8" ht="15" customHeight="1">
      <c r="B481" s="7" t="s">
        <v>86</v>
      </c>
      <c r="C481" s="12">
        <v>0</v>
      </c>
      <c r="D481" s="12">
        <v>0</v>
      </c>
      <c r="E481" s="12">
        <v>0</v>
      </c>
      <c r="F481" s="12">
        <v>0</v>
      </c>
      <c r="G481" s="12">
        <v>0</v>
      </c>
      <c r="H481" s="12">
        <v>0</v>
      </c>
    </row>
    <row r="482" spans="2:8" ht="15" customHeight="1">
      <c r="B482" s="7" t="s">
        <v>87</v>
      </c>
      <c r="C482" s="12">
        <v>0</v>
      </c>
      <c r="D482" s="12">
        <v>0</v>
      </c>
      <c r="E482" s="12">
        <v>0</v>
      </c>
      <c r="F482" s="12">
        <v>0</v>
      </c>
      <c r="G482" s="12">
        <v>0</v>
      </c>
      <c r="H482" s="12">
        <v>0</v>
      </c>
    </row>
    <row r="483" spans="2:8" ht="15" customHeight="1">
      <c r="B483" s="16" t="s">
        <v>80</v>
      </c>
      <c r="C483" s="17">
        <v>1771</v>
      </c>
      <c r="D483" s="17">
        <v>6418</v>
      </c>
      <c r="E483" s="17">
        <v>2287</v>
      </c>
      <c r="F483" s="17">
        <v>7255</v>
      </c>
      <c r="G483" s="17">
        <v>4058</v>
      </c>
      <c r="H483" s="17">
        <v>13673</v>
      </c>
    </row>
    <row r="484" spans="2:8" ht="15" customHeight="1">
      <c r="B484" s="14" t="s">
        <v>85</v>
      </c>
      <c r="C484" s="15">
        <v>1771</v>
      </c>
      <c r="D484" s="15">
        <v>6418</v>
      </c>
      <c r="E484" s="15">
        <v>2287</v>
      </c>
      <c r="F484" s="15">
        <v>7255</v>
      </c>
      <c r="G484" s="15">
        <v>4058</v>
      </c>
      <c r="H484" s="15">
        <v>13673</v>
      </c>
    </row>
    <row r="485" spans="2:8" ht="15" customHeight="1">
      <c r="B485" s="14" t="s">
        <v>86</v>
      </c>
      <c r="C485" s="15">
        <v>0</v>
      </c>
      <c r="D485" s="15">
        <v>0</v>
      </c>
      <c r="E485" s="15">
        <v>0</v>
      </c>
      <c r="F485" s="15">
        <v>0</v>
      </c>
      <c r="G485" s="15">
        <v>0</v>
      </c>
      <c r="H485" s="15">
        <v>0</v>
      </c>
    </row>
    <row r="486" spans="2:8" ht="15" customHeight="1">
      <c r="B486" s="5" t="s">
        <v>66</v>
      </c>
      <c r="C486" s="11">
        <v>1293</v>
      </c>
      <c r="D486" s="11">
        <v>3813</v>
      </c>
      <c r="E486" s="11">
        <v>1297</v>
      </c>
      <c r="F486" s="11">
        <v>4071</v>
      </c>
      <c r="G486" s="11">
        <v>2590</v>
      </c>
      <c r="H486" s="11">
        <v>7884</v>
      </c>
    </row>
    <row r="487" spans="2:8" ht="15" customHeight="1">
      <c r="B487" s="16" t="s">
        <v>75</v>
      </c>
      <c r="C487" s="17">
        <v>1085</v>
      </c>
      <c r="D487" s="17">
        <v>3220</v>
      </c>
      <c r="E487" s="17">
        <v>1113</v>
      </c>
      <c r="F487" s="17">
        <v>3648</v>
      </c>
      <c r="G487" s="17">
        <v>2198</v>
      </c>
      <c r="H487" s="17">
        <v>6868</v>
      </c>
    </row>
    <row r="488" spans="2:8" ht="15" customHeight="1">
      <c r="B488" s="7" t="s">
        <v>85</v>
      </c>
      <c r="C488" s="12">
        <v>1085</v>
      </c>
      <c r="D488" s="12">
        <v>3220</v>
      </c>
      <c r="E488" s="12">
        <v>1113</v>
      </c>
      <c r="F488" s="12">
        <v>3648</v>
      </c>
      <c r="G488" s="12">
        <v>2198</v>
      </c>
      <c r="H488" s="12">
        <v>6868</v>
      </c>
    </row>
    <row r="489" spans="2:8" ht="15" customHeight="1">
      <c r="B489" s="9" t="s">
        <v>77</v>
      </c>
      <c r="C489" s="13">
        <v>1085</v>
      </c>
      <c r="D489" s="13">
        <v>3220</v>
      </c>
      <c r="E489" s="13">
        <v>1113</v>
      </c>
      <c r="F489" s="13">
        <v>3648</v>
      </c>
      <c r="G489" s="13">
        <v>2198</v>
      </c>
      <c r="H489" s="13">
        <v>6868</v>
      </c>
    </row>
    <row r="490" spans="2:8" ht="15" customHeight="1">
      <c r="B490" s="9" t="s">
        <v>78</v>
      </c>
      <c r="C490" s="13">
        <v>0</v>
      </c>
      <c r="D490" s="13">
        <v>0</v>
      </c>
      <c r="E490" s="13">
        <v>0</v>
      </c>
      <c r="F490" s="13">
        <v>0</v>
      </c>
      <c r="G490" s="13">
        <v>0</v>
      </c>
      <c r="H490" s="13">
        <v>0</v>
      </c>
    </row>
    <row r="491" spans="2:8" ht="15" customHeight="1">
      <c r="B491" s="7" t="s">
        <v>86</v>
      </c>
      <c r="C491" s="12">
        <v>0</v>
      </c>
      <c r="D491" s="12">
        <v>0</v>
      </c>
      <c r="E491" s="12">
        <v>0</v>
      </c>
      <c r="F491" s="12">
        <v>0</v>
      </c>
      <c r="G491" s="12">
        <v>0</v>
      </c>
      <c r="H491" s="12">
        <v>0</v>
      </c>
    </row>
    <row r="492" spans="2:8" ht="15" customHeight="1">
      <c r="B492" s="7" t="s">
        <v>87</v>
      </c>
      <c r="C492" s="12">
        <v>0</v>
      </c>
      <c r="D492" s="12">
        <v>0</v>
      </c>
      <c r="E492" s="12">
        <v>0</v>
      </c>
      <c r="F492" s="12">
        <v>0</v>
      </c>
      <c r="G492" s="12">
        <v>0</v>
      </c>
      <c r="H492" s="12">
        <v>0</v>
      </c>
    </row>
    <row r="493" spans="2:8" ht="15" customHeight="1">
      <c r="B493" s="16" t="s">
        <v>80</v>
      </c>
      <c r="C493" s="17">
        <v>208</v>
      </c>
      <c r="D493" s="17">
        <v>593</v>
      </c>
      <c r="E493" s="17">
        <v>184</v>
      </c>
      <c r="F493" s="17">
        <v>423</v>
      </c>
      <c r="G493" s="17">
        <v>392</v>
      </c>
      <c r="H493" s="17">
        <v>1016</v>
      </c>
    </row>
    <row r="494" spans="2:8" ht="15" customHeight="1">
      <c r="B494" s="14" t="s">
        <v>85</v>
      </c>
      <c r="C494" s="15">
        <v>208</v>
      </c>
      <c r="D494" s="15">
        <v>593</v>
      </c>
      <c r="E494" s="15">
        <v>184</v>
      </c>
      <c r="F494" s="15">
        <v>423</v>
      </c>
      <c r="G494" s="15">
        <v>392</v>
      </c>
      <c r="H494" s="15">
        <v>1016</v>
      </c>
    </row>
    <row r="495" spans="2:8" ht="15" customHeight="1">
      <c r="B495" s="14" t="s">
        <v>86</v>
      </c>
      <c r="C495" s="15">
        <v>0</v>
      </c>
      <c r="D495" s="15">
        <v>0</v>
      </c>
      <c r="E495" s="15">
        <v>0</v>
      </c>
      <c r="F495" s="15">
        <v>0</v>
      </c>
      <c r="G495" s="15">
        <v>0</v>
      </c>
      <c r="H495" s="15">
        <v>0</v>
      </c>
    </row>
    <row r="496" spans="2:8" ht="15" customHeight="1">
      <c r="B496" s="5" t="s">
        <v>67</v>
      </c>
      <c r="C496" s="11">
        <v>2256</v>
      </c>
      <c r="D496" s="11">
        <v>7723</v>
      </c>
      <c r="E496" s="11">
        <v>2622</v>
      </c>
      <c r="F496" s="11">
        <v>8755</v>
      </c>
      <c r="G496" s="11">
        <v>4878</v>
      </c>
      <c r="H496" s="11">
        <v>16478</v>
      </c>
    </row>
    <row r="497" spans="2:8" ht="15" customHeight="1">
      <c r="B497" s="16" t="s">
        <v>75</v>
      </c>
      <c r="C497" s="17">
        <v>1997</v>
      </c>
      <c r="D497" s="17">
        <v>6653</v>
      </c>
      <c r="E497" s="17">
        <v>2347</v>
      </c>
      <c r="F497" s="17">
        <v>7863</v>
      </c>
      <c r="G497" s="17">
        <v>4344</v>
      </c>
      <c r="H497" s="17">
        <v>14516</v>
      </c>
    </row>
    <row r="498" spans="2:8" ht="15" customHeight="1">
      <c r="B498" s="7" t="s">
        <v>85</v>
      </c>
      <c r="C498" s="12">
        <v>1997</v>
      </c>
      <c r="D498" s="12">
        <v>6653</v>
      </c>
      <c r="E498" s="12">
        <v>2347</v>
      </c>
      <c r="F498" s="12">
        <v>7863</v>
      </c>
      <c r="G498" s="12">
        <v>4344</v>
      </c>
      <c r="H498" s="12">
        <v>14516</v>
      </c>
    </row>
    <row r="499" spans="2:8" ht="15" customHeight="1">
      <c r="B499" s="9" t="s">
        <v>77</v>
      </c>
      <c r="C499" s="13">
        <v>1997</v>
      </c>
      <c r="D499" s="13">
        <v>6653</v>
      </c>
      <c r="E499" s="13">
        <v>2347</v>
      </c>
      <c r="F499" s="13">
        <v>7863</v>
      </c>
      <c r="G499" s="13">
        <v>4344</v>
      </c>
      <c r="H499" s="13">
        <v>14516</v>
      </c>
    </row>
    <row r="500" spans="2:8" ht="15" customHeight="1">
      <c r="B500" s="9" t="s">
        <v>78</v>
      </c>
      <c r="C500" s="13">
        <v>0</v>
      </c>
      <c r="D500" s="13">
        <v>0</v>
      </c>
      <c r="E500" s="13">
        <v>0</v>
      </c>
      <c r="F500" s="13">
        <v>0</v>
      </c>
      <c r="G500" s="13">
        <v>0</v>
      </c>
      <c r="H500" s="13">
        <v>0</v>
      </c>
    </row>
    <row r="501" spans="2:8" ht="15" customHeight="1">
      <c r="B501" s="7" t="s">
        <v>86</v>
      </c>
      <c r="C501" s="12">
        <v>0</v>
      </c>
      <c r="D501" s="12">
        <v>0</v>
      </c>
      <c r="E501" s="12">
        <v>0</v>
      </c>
      <c r="F501" s="12">
        <v>0</v>
      </c>
      <c r="G501" s="12">
        <v>0</v>
      </c>
      <c r="H501" s="12">
        <v>0</v>
      </c>
    </row>
    <row r="502" spans="2:8" ht="15" customHeight="1">
      <c r="B502" s="7" t="s">
        <v>87</v>
      </c>
      <c r="C502" s="12">
        <v>0</v>
      </c>
      <c r="D502" s="12">
        <v>0</v>
      </c>
      <c r="E502" s="12">
        <v>0</v>
      </c>
      <c r="F502" s="12">
        <v>0</v>
      </c>
      <c r="G502" s="12">
        <v>0</v>
      </c>
      <c r="H502" s="12">
        <v>0</v>
      </c>
    </row>
    <row r="503" spans="2:8" ht="15" customHeight="1">
      <c r="B503" s="16" t="s">
        <v>80</v>
      </c>
      <c r="C503" s="17">
        <v>259</v>
      </c>
      <c r="D503" s="17">
        <v>1070</v>
      </c>
      <c r="E503" s="17">
        <v>275</v>
      </c>
      <c r="F503" s="17">
        <v>892</v>
      </c>
      <c r="G503" s="17">
        <v>534</v>
      </c>
      <c r="H503" s="17">
        <v>1962</v>
      </c>
    </row>
    <row r="504" spans="2:8" ht="15" customHeight="1">
      <c r="B504" s="14" t="s">
        <v>85</v>
      </c>
      <c r="C504" s="15">
        <v>256</v>
      </c>
      <c r="D504" s="15">
        <v>1067</v>
      </c>
      <c r="E504" s="15">
        <v>272</v>
      </c>
      <c r="F504" s="15">
        <v>873</v>
      </c>
      <c r="G504" s="15">
        <v>528</v>
      </c>
      <c r="H504" s="15">
        <v>1940</v>
      </c>
    </row>
    <row r="505" spans="2:8" ht="15" customHeight="1">
      <c r="B505" s="14" t="s">
        <v>86</v>
      </c>
      <c r="C505" s="15">
        <v>3</v>
      </c>
      <c r="D505" s="15">
        <v>3</v>
      </c>
      <c r="E505" s="15">
        <v>3</v>
      </c>
      <c r="F505" s="15">
        <v>19</v>
      </c>
      <c r="G505" s="15">
        <v>6</v>
      </c>
      <c r="H505" s="15">
        <v>22</v>
      </c>
    </row>
    <row r="506" spans="2:8" ht="15" customHeight="1">
      <c r="B506" s="5" t="s">
        <v>68</v>
      </c>
      <c r="C506" s="11">
        <v>469</v>
      </c>
      <c r="D506" s="11">
        <v>1633</v>
      </c>
      <c r="E506" s="11">
        <v>447</v>
      </c>
      <c r="F506" s="11">
        <v>1626</v>
      </c>
      <c r="G506" s="11">
        <v>916</v>
      </c>
      <c r="H506" s="11">
        <v>3259</v>
      </c>
    </row>
    <row r="507" spans="2:8" ht="15" customHeight="1">
      <c r="B507" s="16" t="s">
        <v>75</v>
      </c>
      <c r="C507" s="17">
        <v>428</v>
      </c>
      <c r="D507" s="17">
        <v>1318</v>
      </c>
      <c r="E507" s="17">
        <v>391</v>
      </c>
      <c r="F507" s="17">
        <v>1298</v>
      </c>
      <c r="G507" s="17">
        <v>819</v>
      </c>
      <c r="H507" s="17">
        <v>2616</v>
      </c>
    </row>
    <row r="508" spans="2:8" ht="15" customHeight="1">
      <c r="B508" s="7" t="s">
        <v>85</v>
      </c>
      <c r="C508" s="12">
        <v>428</v>
      </c>
      <c r="D508" s="12">
        <v>1318</v>
      </c>
      <c r="E508" s="12">
        <v>391</v>
      </c>
      <c r="F508" s="12">
        <v>1298</v>
      </c>
      <c r="G508" s="12">
        <v>819</v>
      </c>
      <c r="H508" s="12">
        <v>2616</v>
      </c>
    </row>
    <row r="509" spans="2:8" ht="15" customHeight="1">
      <c r="B509" s="9" t="s">
        <v>77</v>
      </c>
      <c r="C509" s="13">
        <v>428</v>
      </c>
      <c r="D509" s="13">
        <v>1318</v>
      </c>
      <c r="E509" s="13">
        <v>391</v>
      </c>
      <c r="F509" s="13">
        <v>1298</v>
      </c>
      <c r="G509" s="13">
        <v>819</v>
      </c>
      <c r="H509" s="13">
        <v>2616</v>
      </c>
    </row>
    <row r="510" spans="2:8" ht="15" customHeight="1">
      <c r="B510" s="9" t="s">
        <v>78</v>
      </c>
      <c r="C510" s="13">
        <v>0</v>
      </c>
      <c r="D510" s="13">
        <v>0</v>
      </c>
      <c r="E510" s="13">
        <v>0</v>
      </c>
      <c r="F510" s="13">
        <v>0</v>
      </c>
      <c r="G510" s="13">
        <v>0</v>
      </c>
      <c r="H510" s="13">
        <v>0</v>
      </c>
    </row>
    <row r="511" spans="2:8" ht="15" customHeight="1">
      <c r="B511" s="7" t="s">
        <v>86</v>
      </c>
      <c r="C511" s="12">
        <v>0</v>
      </c>
      <c r="D511" s="12">
        <v>0</v>
      </c>
      <c r="E511" s="12">
        <v>0</v>
      </c>
      <c r="F511" s="12">
        <v>0</v>
      </c>
      <c r="G511" s="12">
        <v>0</v>
      </c>
      <c r="H511" s="12">
        <v>0</v>
      </c>
    </row>
    <row r="512" spans="2:8" ht="15" customHeight="1">
      <c r="B512" s="7" t="s">
        <v>87</v>
      </c>
      <c r="C512" s="12">
        <v>0</v>
      </c>
      <c r="D512" s="12">
        <v>0</v>
      </c>
      <c r="E512" s="12">
        <v>0</v>
      </c>
      <c r="F512" s="12">
        <v>0</v>
      </c>
      <c r="G512" s="12">
        <v>0</v>
      </c>
      <c r="H512" s="12">
        <v>0</v>
      </c>
    </row>
    <row r="513" spans="2:8" ht="15" customHeight="1">
      <c r="B513" s="16" t="s">
        <v>80</v>
      </c>
      <c r="C513" s="17">
        <v>41</v>
      </c>
      <c r="D513" s="17">
        <v>315</v>
      </c>
      <c r="E513" s="17">
        <v>56</v>
      </c>
      <c r="F513" s="17">
        <v>328</v>
      </c>
      <c r="G513" s="17">
        <v>97</v>
      </c>
      <c r="H513" s="17">
        <v>643</v>
      </c>
    </row>
    <row r="514" spans="2:8" ht="15" customHeight="1">
      <c r="B514" s="14" t="s">
        <v>85</v>
      </c>
      <c r="C514" s="15">
        <v>41</v>
      </c>
      <c r="D514" s="15">
        <v>315</v>
      </c>
      <c r="E514" s="15">
        <v>56</v>
      </c>
      <c r="F514" s="15">
        <v>328</v>
      </c>
      <c r="G514" s="15">
        <v>97</v>
      </c>
      <c r="H514" s="15">
        <v>643</v>
      </c>
    </row>
    <row r="515" spans="2:8" ht="15" customHeight="1">
      <c r="B515" s="14" t="s">
        <v>86</v>
      </c>
      <c r="C515" s="15">
        <v>0</v>
      </c>
      <c r="D515" s="15">
        <v>0</v>
      </c>
      <c r="E515" s="15">
        <v>0</v>
      </c>
      <c r="F515" s="15">
        <v>0</v>
      </c>
      <c r="G515" s="15">
        <v>0</v>
      </c>
      <c r="H515" s="15">
        <v>0</v>
      </c>
    </row>
    <row r="516" spans="2:8" ht="15" customHeight="1">
      <c r="B516" s="5" t="s">
        <v>69</v>
      </c>
      <c r="C516" s="11">
        <v>966</v>
      </c>
      <c r="D516" s="11">
        <v>3237</v>
      </c>
      <c r="E516" s="11">
        <v>960</v>
      </c>
      <c r="F516" s="11">
        <v>3083</v>
      </c>
      <c r="G516" s="11">
        <v>1926</v>
      </c>
      <c r="H516" s="11">
        <v>6320</v>
      </c>
    </row>
    <row r="517" spans="2:8" ht="15" customHeight="1">
      <c r="B517" s="16" t="s">
        <v>75</v>
      </c>
      <c r="C517" s="17">
        <v>879</v>
      </c>
      <c r="D517" s="17">
        <v>3012</v>
      </c>
      <c r="E517" s="17">
        <v>887</v>
      </c>
      <c r="F517" s="17">
        <v>2870</v>
      </c>
      <c r="G517" s="17">
        <v>1766</v>
      </c>
      <c r="H517" s="17">
        <v>5882</v>
      </c>
    </row>
    <row r="518" spans="2:8" ht="15" customHeight="1">
      <c r="B518" s="7" t="s">
        <v>85</v>
      </c>
      <c r="C518" s="12">
        <v>879</v>
      </c>
      <c r="D518" s="12">
        <v>3012</v>
      </c>
      <c r="E518" s="12">
        <v>887</v>
      </c>
      <c r="F518" s="12">
        <v>2870</v>
      </c>
      <c r="G518" s="12">
        <v>1766</v>
      </c>
      <c r="H518" s="12">
        <v>5882</v>
      </c>
    </row>
    <row r="519" spans="2:8" ht="15" customHeight="1">
      <c r="B519" s="9" t="s">
        <v>77</v>
      </c>
      <c r="C519" s="13">
        <v>879</v>
      </c>
      <c r="D519" s="13">
        <v>3012</v>
      </c>
      <c r="E519" s="13">
        <v>887</v>
      </c>
      <c r="F519" s="13">
        <v>2870</v>
      </c>
      <c r="G519" s="13">
        <v>1766</v>
      </c>
      <c r="H519" s="13">
        <v>5882</v>
      </c>
    </row>
    <row r="520" spans="2:8" ht="15" customHeight="1">
      <c r="B520" s="9" t="s">
        <v>78</v>
      </c>
      <c r="C520" s="13">
        <v>0</v>
      </c>
      <c r="D520" s="13">
        <v>0</v>
      </c>
      <c r="E520" s="13">
        <v>0</v>
      </c>
      <c r="F520" s="13">
        <v>0</v>
      </c>
      <c r="G520" s="13">
        <v>0</v>
      </c>
      <c r="H520" s="13">
        <v>0</v>
      </c>
    </row>
    <row r="521" spans="2:8" ht="15" customHeight="1">
      <c r="B521" s="7" t="s">
        <v>86</v>
      </c>
      <c r="C521" s="12">
        <v>0</v>
      </c>
      <c r="D521" s="12">
        <v>0</v>
      </c>
      <c r="E521" s="12">
        <v>0</v>
      </c>
      <c r="F521" s="12">
        <v>0</v>
      </c>
      <c r="G521" s="12">
        <v>0</v>
      </c>
      <c r="H521" s="12">
        <v>0</v>
      </c>
    </row>
    <row r="522" spans="2:8" ht="15" customHeight="1">
      <c r="B522" s="7" t="s">
        <v>87</v>
      </c>
      <c r="C522" s="12">
        <v>0</v>
      </c>
      <c r="D522" s="12">
        <v>0</v>
      </c>
      <c r="E522" s="12">
        <v>0</v>
      </c>
      <c r="F522" s="12">
        <v>0</v>
      </c>
      <c r="G522" s="12">
        <v>0</v>
      </c>
      <c r="H522" s="12">
        <v>0</v>
      </c>
    </row>
    <row r="523" spans="2:8" ht="15" customHeight="1">
      <c r="B523" s="16" t="s">
        <v>80</v>
      </c>
      <c r="C523" s="17">
        <v>87</v>
      </c>
      <c r="D523" s="17">
        <v>225</v>
      </c>
      <c r="E523" s="17">
        <v>73</v>
      </c>
      <c r="F523" s="17">
        <v>213</v>
      </c>
      <c r="G523" s="17">
        <v>160</v>
      </c>
      <c r="H523" s="17">
        <v>438</v>
      </c>
    </row>
    <row r="524" spans="2:8" ht="15" customHeight="1">
      <c r="B524" s="14" t="s">
        <v>85</v>
      </c>
      <c r="C524" s="15">
        <v>87</v>
      </c>
      <c r="D524" s="15">
        <v>225</v>
      </c>
      <c r="E524" s="15">
        <v>73</v>
      </c>
      <c r="F524" s="15">
        <v>213</v>
      </c>
      <c r="G524" s="15">
        <v>160</v>
      </c>
      <c r="H524" s="15">
        <v>438</v>
      </c>
    </row>
    <row r="525" spans="2:8" ht="15" customHeight="1">
      <c r="B525" s="14" t="s">
        <v>86</v>
      </c>
      <c r="C525" s="15">
        <v>0</v>
      </c>
      <c r="D525" s="15">
        <v>0</v>
      </c>
      <c r="E525" s="15">
        <v>0</v>
      </c>
      <c r="F525" s="15">
        <v>0</v>
      </c>
      <c r="G525" s="15">
        <v>0</v>
      </c>
      <c r="H525" s="15">
        <v>0</v>
      </c>
    </row>
    <row r="526" spans="2:8" ht="15" customHeight="1">
      <c r="B526" s="5" t="s">
        <v>70</v>
      </c>
      <c r="C526" s="11">
        <v>45000</v>
      </c>
      <c r="D526" s="11">
        <v>130333</v>
      </c>
      <c r="E526" s="11">
        <v>45484</v>
      </c>
      <c r="F526" s="11">
        <v>130155</v>
      </c>
      <c r="G526" s="11">
        <v>90484</v>
      </c>
      <c r="H526" s="11">
        <v>260488</v>
      </c>
    </row>
    <row r="527" spans="2:8" ht="15" customHeight="1">
      <c r="B527" s="16" t="s">
        <v>75</v>
      </c>
      <c r="C527" s="17">
        <v>43398</v>
      </c>
      <c r="D527" s="17">
        <v>120718</v>
      </c>
      <c r="E527" s="17">
        <v>44323</v>
      </c>
      <c r="F527" s="17">
        <v>121473</v>
      </c>
      <c r="G527" s="17">
        <v>87721</v>
      </c>
      <c r="H527" s="17">
        <v>242191</v>
      </c>
    </row>
    <row r="528" spans="2:8" ht="15" customHeight="1">
      <c r="B528" s="7" t="s">
        <v>85</v>
      </c>
      <c r="C528" s="12">
        <v>43398</v>
      </c>
      <c r="D528" s="12">
        <v>120718</v>
      </c>
      <c r="E528" s="12">
        <v>44323</v>
      </c>
      <c r="F528" s="12">
        <v>121473</v>
      </c>
      <c r="G528" s="12">
        <v>87721</v>
      </c>
      <c r="H528" s="12">
        <v>242191</v>
      </c>
    </row>
    <row r="529" spans="2:8" ht="15" customHeight="1">
      <c r="B529" s="9" t="s">
        <v>77</v>
      </c>
      <c r="C529" s="13">
        <v>38064</v>
      </c>
      <c r="D529" s="13">
        <v>105080</v>
      </c>
      <c r="E529" s="13">
        <v>39977</v>
      </c>
      <c r="F529" s="13">
        <v>108128</v>
      </c>
      <c r="G529" s="13">
        <v>78041</v>
      </c>
      <c r="H529" s="13">
        <v>213208</v>
      </c>
    </row>
    <row r="530" spans="2:8" ht="15" customHeight="1">
      <c r="B530" s="9" t="s">
        <v>78</v>
      </c>
      <c r="C530" s="13">
        <v>5334</v>
      </c>
      <c r="D530" s="13">
        <v>15638</v>
      </c>
      <c r="E530" s="13">
        <v>4346</v>
      </c>
      <c r="F530" s="13">
        <v>13345</v>
      </c>
      <c r="G530" s="13">
        <v>9680</v>
      </c>
      <c r="H530" s="13">
        <v>28983</v>
      </c>
    </row>
    <row r="531" spans="2:8" ht="15" customHeight="1">
      <c r="B531" s="7" t="s">
        <v>86</v>
      </c>
      <c r="C531" s="12">
        <v>0</v>
      </c>
      <c r="D531" s="12">
        <v>0</v>
      </c>
      <c r="E531" s="12">
        <v>0</v>
      </c>
      <c r="F531" s="12">
        <v>0</v>
      </c>
      <c r="G531" s="12">
        <v>0</v>
      </c>
      <c r="H531" s="12">
        <v>0</v>
      </c>
    </row>
    <row r="532" spans="2:8" ht="15" customHeight="1">
      <c r="B532" s="7" t="s">
        <v>87</v>
      </c>
      <c r="C532" s="12">
        <v>0</v>
      </c>
      <c r="D532" s="12">
        <v>0</v>
      </c>
      <c r="E532" s="12">
        <v>0</v>
      </c>
      <c r="F532" s="12">
        <v>0</v>
      </c>
      <c r="G532" s="12">
        <v>0</v>
      </c>
      <c r="H532" s="12">
        <v>0</v>
      </c>
    </row>
    <row r="533" spans="2:8" ht="15" customHeight="1">
      <c r="B533" s="16" t="s">
        <v>80</v>
      </c>
      <c r="C533" s="17">
        <v>1602</v>
      </c>
      <c r="D533" s="17">
        <v>9615</v>
      </c>
      <c r="E533" s="17">
        <v>1161</v>
      </c>
      <c r="F533" s="17">
        <v>8682</v>
      </c>
      <c r="G533" s="17">
        <v>2763</v>
      </c>
      <c r="H533" s="17">
        <v>18297</v>
      </c>
    </row>
    <row r="534" spans="2:8" ht="15" customHeight="1">
      <c r="B534" s="14" t="s">
        <v>85</v>
      </c>
      <c r="C534" s="15">
        <v>1600</v>
      </c>
      <c r="D534" s="15">
        <v>9608</v>
      </c>
      <c r="E534" s="15">
        <v>1157</v>
      </c>
      <c r="F534" s="15">
        <v>8674</v>
      </c>
      <c r="G534" s="15">
        <v>2757</v>
      </c>
      <c r="H534" s="15">
        <v>18282</v>
      </c>
    </row>
    <row r="535" spans="2:8" ht="15" customHeight="1">
      <c r="B535" s="14" t="s">
        <v>86</v>
      </c>
      <c r="C535" s="15">
        <v>2</v>
      </c>
      <c r="D535" s="15">
        <v>7</v>
      </c>
      <c r="E535" s="15">
        <v>4</v>
      </c>
      <c r="F535" s="15">
        <v>8</v>
      </c>
      <c r="G535" s="15">
        <v>6</v>
      </c>
      <c r="H535" s="15">
        <v>15</v>
      </c>
    </row>
    <row r="536" spans="2:8" ht="15" customHeight="1">
      <c r="B536" s="5" t="s">
        <v>71</v>
      </c>
      <c r="C536" s="11">
        <v>2329</v>
      </c>
      <c r="D536" s="11">
        <v>7135</v>
      </c>
      <c r="E536" s="11">
        <v>2196</v>
      </c>
      <c r="F536" s="11">
        <v>6899</v>
      </c>
      <c r="G536" s="11">
        <v>4525</v>
      </c>
      <c r="H536" s="11">
        <v>14034</v>
      </c>
    </row>
    <row r="537" spans="2:8" ht="15" customHeight="1">
      <c r="B537" s="16" t="s">
        <v>75</v>
      </c>
      <c r="C537" s="17">
        <v>1633</v>
      </c>
      <c r="D537" s="17">
        <v>5478</v>
      </c>
      <c r="E537" s="17">
        <v>1479</v>
      </c>
      <c r="F537" s="17">
        <v>5264</v>
      </c>
      <c r="G537" s="17">
        <v>3112</v>
      </c>
      <c r="H537" s="17">
        <v>10742</v>
      </c>
    </row>
    <row r="538" spans="2:8" ht="15" customHeight="1">
      <c r="B538" s="7" t="s">
        <v>85</v>
      </c>
      <c r="C538" s="12">
        <v>1633</v>
      </c>
      <c r="D538" s="12">
        <v>5478</v>
      </c>
      <c r="E538" s="12">
        <v>1479</v>
      </c>
      <c r="F538" s="12">
        <v>5264</v>
      </c>
      <c r="G538" s="12">
        <v>3112</v>
      </c>
      <c r="H538" s="12">
        <v>10742</v>
      </c>
    </row>
    <row r="539" spans="2:8" ht="15" customHeight="1">
      <c r="B539" s="9" t="s">
        <v>77</v>
      </c>
      <c r="C539" s="13">
        <v>85</v>
      </c>
      <c r="D539" s="13">
        <v>604</v>
      </c>
      <c r="E539" s="13">
        <v>60</v>
      </c>
      <c r="F539" s="13">
        <v>460</v>
      </c>
      <c r="G539" s="13">
        <v>145</v>
      </c>
      <c r="H539" s="13">
        <v>1064</v>
      </c>
    </row>
    <row r="540" spans="2:8" ht="15" customHeight="1">
      <c r="B540" s="9" t="s">
        <v>78</v>
      </c>
      <c r="C540" s="13">
        <v>1548</v>
      </c>
      <c r="D540" s="13">
        <v>4874</v>
      </c>
      <c r="E540" s="13">
        <v>1419</v>
      </c>
      <c r="F540" s="13">
        <v>4804</v>
      </c>
      <c r="G540" s="13">
        <v>2967</v>
      </c>
      <c r="H540" s="13">
        <v>9678</v>
      </c>
    </row>
    <row r="541" spans="2:8" ht="15" customHeight="1">
      <c r="B541" s="7" t="s">
        <v>86</v>
      </c>
      <c r="C541" s="12">
        <v>0</v>
      </c>
      <c r="D541" s="12">
        <v>0</v>
      </c>
      <c r="E541" s="12">
        <v>0</v>
      </c>
      <c r="F541" s="12">
        <v>0</v>
      </c>
      <c r="G541" s="12">
        <v>0</v>
      </c>
      <c r="H541" s="12">
        <v>0</v>
      </c>
    </row>
    <row r="542" spans="2:8" ht="15" customHeight="1">
      <c r="B542" s="7" t="s">
        <v>87</v>
      </c>
      <c r="C542" s="12">
        <v>0</v>
      </c>
      <c r="D542" s="12">
        <v>0</v>
      </c>
      <c r="E542" s="12">
        <v>0</v>
      </c>
      <c r="F542" s="12">
        <v>0</v>
      </c>
      <c r="G542" s="12">
        <v>0</v>
      </c>
      <c r="H542" s="12">
        <v>0</v>
      </c>
    </row>
    <row r="543" spans="2:8" ht="15" customHeight="1">
      <c r="B543" s="16" t="s">
        <v>80</v>
      </c>
      <c r="C543" s="17">
        <v>696</v>
      </c>
      <c r="D543" s="17">
        <v>1657</v>
      </c>
      <c r="E543" s="17">
        <v>717</v>
      </c>
      <c r="F543" s="17">
        <v>1635</v>
      </c>
      <c r="G543" s="17">
        <v>1413</v>
      </c>
      <c r="H543" s="17">
        <v>3292</v>
      </c>
    </row>
    <row r="544" spans="2:8" ht="15" customHeight="1">
      <c r="B544" s="14" t="s">
        <v>85</v>
      </c>
      <c r="C544" s="15">
        <v>696</v>
      </c>
      <c r="D544" s="15">
        <v>1657</v>
      </c>
      <c r="E544" s="15">
        <v>717</v>
      </c>
      <c r="F544" s="15">
        <v>1635</v>
      </c>
      <c r="G544" s="15">
        <v>1413</v>
      </c>
      <c r="H544" s="15">
        <v>3292</v>
      </c>
    </row>
    <row r="545" spans="2:8" ht="15" customHeight="1">
      <c r="B545" s="14" t="s">
        <v>86</v>
      </c>
      <c r="C545" s="15">
        <v>0</v>
      </c>
      <c r="D545" s="15">
        <v>0</v>
      </c>
      <c r="E545" s="15">
        <v>0</v>
      </c>
      <c r="F545" s="15">
        <v>0</v>
      </c>
      <c r="G545" s="15">
        <v>0</v>
      </c>
      <c r="H545" s="15">
        <v>0</v>
      </c>
    </row>
    <row r="546" spans="2:8" ht="15" customHeight="1">
      <c r="B546" s="5" t="s">
        <v>72</v>
      </c>
      <c r="C546" s="11">
        <v>106088</v>
      </c>
      <c r="D546" s="11">
        <v>362720</v>
      </c>
      <c r="E546" s="11">
        <v>102392</v>
      </c>
      <c r="F546" s="11">
        <v>335880</v>
      </c>
      <c r="G546" s="11">
        <v>208480</v>
      </c>
      <c r="H546" s="11">
        <v>698600</v>
      </c>
    </row>
    <row r="547" spans="2:8" ht="15" customHeight="1">
      <c r="B547" s="16" t="s">
        <v>75</v>
      </c>
      <c r="C547" s="17">
        <v>101347</v>
      </c>
      <c r="D547" s="17">
        <v>345345</v>
      </c>
      <c r="E547" s="17">
        <v>100477</v>
      </c>
      <c r="F547" s="17">
        <v>323965</v>
      </c>
      <c r="G547" s="17">
        <v>201824</v>
      </c>
      <c r="H547" s="17">
        <v>669310</v>
      </c>
    </row>
    <row r="548" spans="2:8" ht="15" customHeight="1">
      <c r="B548" s="7" t="s">
        <v>85</v>
      </c>
      <c r="C548" s="12">
        <v>101347</v>
      </c>
      <c r="D548" s="12">
        <v>345345</v>
      </c>
      <c r="E548" s="12">
        <v>100477</v>
      </c>
      <c r="F548" s="12">
        <v>323965</v>
      </c>
      <c r="G548" s="12">
        <v>201824</v>
      </c>
      <c r="H548" s="12">
        <v>669310</v>
      </c>
    </row>
    <row r="549" spans="2:8" ht="15" customHeight="1">
      <c r="B549" s="9" t="s">
        <v>77</v>
      </c>
      <c r="C549" s="13">
        <v>101347</v>
      </c>
      <c r="D549" s="13">
        <v>345345</v>
      </c>
      <c r="E549" s="13">
        <v>100477</v>
      </c>
      <c r="F549" s="13">
        <v>323965</v>
      </c>
      <c r="G549" s="13">
        <v>201824</v>
      </c>
      <c r="H549" s="13">
        <v>669310</v>
      </c>
    </row>
    <row r="550" spans="2:8" ht="15" customHeight="1">
      <c r="B550" s="9" t="s">
        <v>78</v>
      </c>
      <c r="C550" s="13">
        <v>0</v>
      </c>
      <c r="D550" s="13">
        <v>0</v>
      </c>
      <c r="E550" s="13">
        <v>0</v>
      </c>
      <c r="F550" s="13">
        <v>0</v>
      </c>
      <c r="G550" s="13">
        <v>0</v>
      </c>
      <c r="H550" s="13">
        <v>0</v>
      </c>
    </row>
    <row r="551" spans="2:8" ht="15" customHeight="1">
      <c r="B551" s="7" t="s">
        <v>86</v>
      </c>
      <c r="C551" s="12">
        <v>0</v>
      </c>
      <c r="D551" s="12">
        <v>0</v>
      </c>
      <c r="E551" s="12">
        <v>0</v>
      </c>
      <c r="F551" s="12">
        <v>0</v>
      </c>
      <c r="G551" s="12">
        <v>0</v>
      </c>
      <c r="H551" s="12">
        <v>0</v>
      </c>
    </row>
    <row r="552" spans="2:8" ht="15" customHeight="1">
      <c r="B552" s="7" t="s">
        <v>87</v>
      </c>
      <c r="C552" s="12">
        <v>0</v>
      </c>
      <c r="D552" s="12">
        <v>0</v>
      </c>
      <c r="E552" s="12">
        <v>0</v>
      </c>
      <c r="F552" s="12">
        <v>0</v>
      </c>
      <c r="G552" s="12">
        <v>0</v>
      </c>
      <c r="H552" s="12">
        <v>0</v>
      </c>
    </row>
    <row r="553" spans="2:8" ht="15" customHeight="1">
      <c r="B553" s="16" t="s">
        <v>80</v>
      </c>
      <c r="C553" s="17">
        <v>4741</v>
      </c>
      <c r="D553" s="17">
        <v>17375</v>
      </c>
      <c r="E553" s="17">
        <v>1915</v>
      </c>
      <c r="F553" s="17">
        <v>11915</v>
      </c>
      <c r="G553" s="17">
        <v>6656</v>
      </c>
      <c r="H553" s="17">
        <v>29290</v>
      </c>
    </row>
    <row r="554" spans="2:8" ht="15" customHeight="1">
      <c r="B554" s="14" t="s">
        <v>85</v>
      </c>
      <c r="C554" s="15">
        <v>4735</v>
      </c>
      <c r="D554" s="15">
        <v>17369</v>
      </c>
      <c r="E554" s="15">
        <v>1915</v>
      </c>
      <c r="F554" s="15">
        <v>11915</v>
      </c>
      <c r="G554" s="15">
        <v>6650</v>
      </c>
      <c r="H554" s="15">
        <v>29284</v>
      </c>
    </row>
    <row r="555" spans="2:8" ht="15" customHeight="1">
      <c r="B555" s="14" t="s">
        <v>86</v>
      </c>
      <c r="C555" s="15">
        <v>6</v>
      </c>
      <c r="D555" s="15">
        <v>6</v>
      </c>
      <c r="E555" s="15">
        <v>0</v>
      </c>
      <c r="F555" s="15">
        <v>0</v>
      </c>
      <c r="G555" s="15">
        <v>6</v>
      </c>
      <c r="H555" s="15">
        <v>6</v>
      </c>
    </row>
    <row r="557" spans="2:8" ht="15" customHeight="1">
      <c r="B557" s="19" t="str">
        <f>Aeronaves!B502</f>
        <v>PLANILHA ELABORADA EM 26/04/2018</v>
      </c>
    </row>
  </sheetData>
  <mergeCells count="2">
    <mergeCell ref="B2:H2"/>
    <mergeCell ref="B3:H3"/>
  </mergeCells>
  <pageMargins left="0.78740157499999996" right="0.78740157499999996" top="0.984251969" bottom="0.984251969" header="0.4921259845" footer="0.4921259845"/>
  <pageSetup paperSize="9" orientation="portrait" verticalDpi="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4</vt:i4>
      </vt:variant>
    </vt:vector>
  </HeadingPairs>
  <TitlesOfParts>
    <vt:vector size="4" baseType="lpstr">
      <vt:lpstr>Aeronaves</vt:lpstr>
      <vt:lpstr>Carga Aérea</vt:lpstr>
      <vt:lpstr>Correios</vt:lpstr>
      <vt:lpstr>Passageiro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PG - Movimento Operacional Detalhado - Aeronaves</dc:title>
  <dc:creator>Dilson Pereira Paulo Filho</dc:creator>
  <cp:lastModifiedBy>Infraero</cp:lastModifiedBy>
  <dcterms:created xsi:type="dcterms:W3CDTF">2014-04-07T18:24:57Z</dcterms:created>
  <dcterms:modified xsi:type="dcterms:W3CDTF">2018-04-26T12:01:35Z</dcterms:modified>
</cp:coreProperties>
</file>